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mbeddings/oleObject1.bin" ContentType="application/vnd.openxmlformats-officedocument.oleObject"/>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19126"/>
  <workbookPr/>
  <mc:AlternateContent xmlns:mc="http://schemas.openxmlformats.org/markup-compatibility/2006">
    <mc:Choice Requires="x15">
      <x15ac:absPath xmlns:x15ac="http://schemas.microsoft.com/office/spreadsheetml/2010/11/ac" url="O:\0953\0953A\Customers\Oklahoma\Imp Template\Template Docs\Requirements\OKWCC FS V1.7\"/>
    </mc:Choice>
  </mc:AlternateContent>
  <xr:revisionPtr revIDLastSave="0" documentId="8_{7A3A97C3-1A22-4A14-8C30-ED6B5BDE7BD4}" xr6:coauthVersionLast="31" xr6:coauthVersionMax="31" xr10:uidLastSave="{00000000-0000-0000-0000-000000000000}"/>
  <bookViews>
    <workbookView xWindow="-15" yWindow="4530" windowWidth="11955" windowHeight="2055" tabRatio="798" activeTab="1" xr2:uid="{00000000-000D-0000-FFFF-FFFF00000000}"/>
  </bookViews>
  <sheets>
    <sheet name="Instructions-IAIABC" sheetId="4" r:id="rId1"/>
    <sheet name="OKWCC Event Table Change Log" sheetId="14" r:id="rId2"/>
    <sheet name="Form to MTC Crosswalk" sheetId="5" r:id="rId3"/>
    <sheet name="FROI" sheetId="11" r:id="rId4"/>
    <sheet name="SROI" sheetId="9" r:id="rId5"/>
    <sheet name="SROI Periodic" sheetId="10" r:id="rId6"/>
  </sheets>
  <externalReferences>
    <externalReference r:id="rId7"/>
    <externalReference r:id="rId8"/>
    <externalReference r:id="rId9"/>
    <externalReference r:id="rId10"/>
    <externalReference r:id="rId11"/>
    <externalReference r:id="rId12"/>
  </externalReferences>
  <definedNames>
    <definedName name="______ZZ1" localSheetId="3">'[1]DN-Error Message'!#REF!</definedName>
    <definedName name="______ZZ1" localSheetId="1">'[1]DN-Error Message'!#REF!</definedName>
    <definedName name="______ZZ1" localSheetId="4">'[1]DN-Error Message'!#REF!</definedName>
    <definedName name="______ZZ1" localSheetId="5">'[1]DN-Error Message'!#REF!</definedName>
    <definedName name="______ZZ1">'[1]DN-Error Message'!#REF!</definedName>
    <definedName name="_____ZZ1" localSheetId="3">'[2]DN-Error Message'!#REF!</definedName>
    <definedName name="_____ZZ1" localSheetId="1">'[2]DN-Error Message'!#REF!</definedName>
    <definedName name="_____ZZ1" localSheetId="4">'[2]DN-Error Message'!#REF!</definedName>
    <definedName name="_____ZZ1" localSheetId="5">'[2]DN-Error Message'!#REF!</definedName>
    <definedName name="_____ZZ1">'[2]DN-Error Message'!#REF!</definedName>
    <definedName name="____ZZ1" localSheetId="3">'[3]DN-Error Message'!#REF!</definedName>
    <definedName name="____ZZ1" localSheetId="1">'[3]DN-Error Message'!#REF!</definedName>
    <definedName name="____ZZ1" localSheetId="4">'[3]DN-Error Message'!#REF!</definedName>
    <definedName name="____ZZ1" localSheetId="5">'[3]DN-Error Message'!#REF!</definedName>
    <definedName name="____ZZ1">'[3]DN-Error Message'!#REF!</definedName>
    <definedName name="___ZZ1" localSheetId="3">#REF!</definedName>
    <definedName name="___ZZ1" localSheetId="1">#REF!</definedName>
    <definedName name="___ZZ1" localSheetId="4">#REF!</definedName>
    <definedName name="___ZZ1" localSheetId="5">#REF!</definedName>
    <definedName name="___ZZ1">#REF!</definedName>
    <definedName name="__ZZ1" localSheetId="3">'[2]DN-Error Message'!#REF!</definedName>
    <definedName name="__ZZ1" localSheetId="1">'[4]DN-Error Message'!#REF!</definedName>
    <definedName name="__ZZ1" localSheetId="4">'[2]DN-Error Message'!#REF!</definedName>
    <definedName name="__ZZ1" localSheetId="5">'[2]DN-Error Message'!#REF!</definedName>
    <definedName name="__ZZ1">'[2]DN-Error Message'!#REF!</definedName>
    <definedName name="_xlnm._FilterDatabase" localSheetId="2" hidden="1">'Form to MTC Crosswalk'!$A$2:$H$46</definedName>
    <definedName name="_xlnm._FilterDatabase" localSheetId="3" hidden="1">FROI!$A$5:$O$42</definedName>
    <definedName name="_xlnm._FilterDatabase" localSheetId="1" hidden="1">'OKWCC Event Table Change Log'!$A$1:$P$23</definedName>
    <definedName name="_xlnm._FilterDatabase" localSheetId="4" hidden="1">SROI!$A$4:$O$35</definedName>
    <definedName name="_ZZ1" localSheetId="3">'[5]DN-Error Message'!#REF!</definedName>
    <definedName name="_ZZ1" localSheetId="1">'[6]DN-Error Message'!#REF!</definedName>
    <definedName name="_ZZ1" localSheetId="4">'[5]DN-Error Message'!#REF!</definedName>
    <definedName name="_ZZ1" localSheetId="5">'[5]DN-Error Message'!#REF!</definedName>
    <definedName name="_ZZ1">'[5]DN-Error Message'!#REF!</definedName>
    <definedName name="_xlnm.Print_Area" localSheetId="2">'Form to MTC Crosswalk'!$A$1:$G$46</definedName>
    <definedName name="_xlnm.Print_Area" localSheetId="3">FROI!$A$1:$O$42</definedName>
    <definedName name="_xlnm.Print_Area" localSheetId="5">'SROI Periodic'!$A$1:$O$19</definedName>
    <definedName name="Print_Area_MI" localSheetId="3">'[5]DN-Error Message'!#REF!</definedName>
    <definedName name="Print_Area_MI" localSheetId="1">'[6]DN-Error Message'!#REF!</definedName>
    <definedName name="Print_Area_MI" localSheetId="4">'[5]DN-Error Message'!#REF!</definedName>
    <definedName name="Print_Area_MI" localSheetId="5">'[5]DN-Error Message'!#REF!</definedName>
    <definedName name="Print_Area_MI">'[5]DN-Error Message'!#REF!</definedName>
    <definedName name="_xlnm.Print_Titles" localSheetId="2">'Form to MTC Crosswalk'!$D:$E,'Form to MTC Crosswalk'!$2:$2</definedName>
    <definedName name="_xlnm.Print_Titles" localSheetId="3">FROI!$4:$5</definedName>
    <definedName name="_xlnm.Print_Titles" localSheetId="1">'OKWCC Event Table Change Log'!$A:$G,'OKWCC Event Table Change Log'!$1:$1</definedName>
    <definedName name="_xlnm.Print_Titles" localSheetId="4">SROI!$3:$4</definedName>
    <definedName name="Print_Titles_MI" localSheetId="3">'[5]DN-Error Message'!#REF!,'[5]DN-Error Message'!$B:$B</definedName>
    <definedName name="Print_Titles_MI" localSheetId="1">'[6]DN-Error Message'!#REF!,'[6]DN-Error Message'!$B:$B</definedName>
    <definedName name="Print_Titles_MI" localSheetId="4">'[5]DN-Error Message'!#REF!,'[5]DN-Error Message'!$B:$B</definedName>
    <definedName name="Print_Titles_MI" localSheetId="5">'[5]DN-Error Message'!#REF!,'[5]DN-Error Message'!$B:$B</definedName>
    <definedName name="Print_Titles_MI">'[5]DN-Error Message'!#REF!,'[5]DN-Error Message'!$B:$B</definedName>
    <definedName name="test" localSheetId="3">#REF!</definedName>
    <definedName name="test" localSheetId="1">#REF!</definedName>
    <definedName name="test" localSheetId="4">#REF!</definedName>
    <definedName name="test" localSheetId="5">#REF!</definedName>
    <definedName name="test">#REF!</definedName>
    <definedName name="Z_34A971B7_2B49_464B_9488_16EBEAD081E1_.wvu.Cols" localSheetId="5" hidden="1">'SROI Periodic'!#REF!</definedName>
    <definedName name="Z_34A971B7_2B49_464B_9488_16EBEAD081E1_.wvu.PrintArea" localSheetId="3" hidden="1">FROI!$B$1:$O$36</definedName>
    <definedName name="Z_34A971B7_2B49_464B_9488_16EBEAD081E1_.wvu.PrintArea" localSheetId="5" hidden="1">'SROI Periodic'!$B$1:$O$18</definedName>
    <definedName name="Z_34A971B7_2B49_464B_9488_16EBEAD081E1_.wvu.PrintTitles" localSheetId="3" hidden="1">FROI!$1:$5</definedName>
    <definedName name="Z_34A971B7_2B49_464B_9488_16EBEAD081E1_.wvu.PrintTitles" localSheetId="4" hidden="1">SROI!$3:$3</definedName>
  </definedNames>
  <calcPr calcId="179017"/>
  <customWorkbookViews>
    <customWorkbookView name="Kathleen Rademacher - Personal View" guid="{34A971B7-2B49-464B-9488-16EBEAD081E1}" mergeInterval="0" personalView="1" maximized="1" windowWidth="1020" windowHeight="580" activeSheetId="3"/>
  </customWorkbookViews>
</workbook>
</file>

<file path=xl/sharedStrings.xml><?xml version="1.0" encoding="utf-8"?>
<sst xmlns="http://schemas.openxmlformats.org/spreadsheetml/2006/main" count="1598" uniqueCount="567">
  <si>
    <t>Report Type</t>
  </si>
  <si>
    <t>From</t>
  </si>
  <si>
    <t>Thru</t>
  </si>
  <si>
    <t>Maintenance Type</t>
  </si>
  <si>
    <t>Code</t>
  </si>
  <si>
    <t>Description</t>
  </si>
  <si>
    <t>Trigger Value</t>
  </si>
  <si>
    <t>FROI</t>
  </si>
  <si>
    <t>00</t>
  </si>
  <si>
    <t>Original</t>
  </si>
  <si>
    <t>When is the Report Due?</t>
  </si>
  <si>
    <t>Value</t>
  </si>
  <si>
    <t>01</t>
  </si>
  <si>
    <t>02</t>
  </si>
  <si>
    <t>04</t>
  </si>
  <si>
    <t>AQ</t>
  </si>
  <si>
    <t>AU</t>
  </si>
  <si>
    <t>CO</t>
  </si>
  <si>
    <t>UI</t>
  </si>
  <si>
    <t>UR</t>
  </si>
  <si>
    <t>Change</t>
  </si>
  <si>
    <t>Denial</t>
  </si>
  <si>
    <t>Acquired Claim</t>
  </si>
  <si>
    <t>Correction</t>
  </si>
  <si>
    <t>Under Investigation</t>
  </si>
  <si>
    <t>SROI</t>
  </si>
  <si>
    <t>AB</t>
  </si>
  <si>
    <t>AP</t>
  </si>
  <si>
    <t>CA</t>
  </si>
  <si>
    <t>CB</t>
  </si>
  <si>
    <t>CD</t>
  </si>
  <si>
    <t>EP</t>
  </si>
  <si>
    <t>ER</t>
  </si>
  <si>
    <t>IP</t>
  </si>
  <si>
    <t>PD</t>
  </si>
  <si>
    <t>PY</t>
  </si>
  <si>
    <t>RB</t>
  </si>
  <si>
    <t>RE</t>
  </si>
  <si>
    <t>VE</t>
  </si>
  <si>
    <t>Add Concurrent Benefit Type</t>
  </si>
  <si>
    <t>Acquired/Payment</t>
  </si>
  <si>
    <t>Change in Benefit Amount</t>
  </si>
  <si>
    <t>Change in Benefit Type</t>
  </si>
  <si>
    <t>Employer Paid</t>
  </si>
  <si>
    <t>Employer Reinstatement</t>
  </si>
  <si>
    <t>Initial Payment</t>
  </si>
  <si>
    <t>Partial Denial</t>
  </si>
  <si>
    <t>Payment Report</t>
  </si>
  <si>
    <t>Reinstatement of Benefits</t>
  </si>
  <si>
    <t>Reduced Earnings</t>
  </si>
  <si>
    <t>Volunteer</t>
  </si>
  <si>
    <t>AN</t>
  </si>
  <si>
    <t>BM</t>
  </si>
  <si>
    <t>BW</t>
  </si>
  <si>
    <t>FN</t>
  </si>
  <si>
    <t>MN</t>
  </si>
  <si>
    <t>QT</t>
  </si>
  <si>
    <t>SA</t>
  </si>
  <si>
    <t>Annual</t>
  </si>
  <si>
    <t>Bi-Monthly</t>
  </si>
  <si>
    <t>Bi-Weekly</t>
  </si>
  <si>
    <t>Final</t>
  </si>
  <si>
    <t>Monthly</t>
  </si>
  <si>
    <t>Quarterly</t>
  </si>
  <si>
    <t>Receiver</t>
  </si>
  <si>
    <t>A = New Claim</t>
  </si>
  <si>
    <t>D = Cumulative Wage Replacement</t>
  </si>
  <si>
    <t>E = Days Open</t>
  </si>
  <si>
    <t>F = Formula</t>
  </si>
  <si>
    <t>J = Jurisdiction Defined</t>
  </si>
  <si>
    <t>L = Determination of Compensable Death</t>
  </si>
  <si>
    <t>M = MTC Defined</t>
  </si>
  <si>
    <t>Q = Employee Death</t>
  </si>
  <si>
    <t>Report Due From Codes</t>
  </si>
  <si>
    <t>A = From Date of Accident/Injury</t>
  </si>
  <si>
    <t>B = From Date of Disability</t>
  </si>
  <si>
    <t>C = From Employer Notification</t>
  </si>
  <si>
    <t>D = From Administrator Notification</t>
  </si>
  <si>
    <t>E = From Jurisdiction Notification</t>
  </si>
  <si>
    <t>G = From Initial Payment (IP)</t>
  </si>
  <si>
    <t>H = Immediate</t>
  </si>
  <si>
    <t>J = From Report Trigger</t>
  </si>
  <si>
    <t>D = From Claim Administrator Notification</t>
  </si>
  <si>
    <t>F = From Carrier Notification</t>
  </si>
  <si>
    <t>Receiver Codes</t>
  </si>
  <si>
    <t>EE = Employee</t>
  </si>
  <si>
    <t>ER = Employer</t>
  </si>
  <si>
    <t>PR = Provider</t>
  </si>
  <si>
    <t>Others as defined by</t>
  </si>
  <si>
    <t>jurisdiction</t>
  </si>
  <si>
    <t>double click on image to open</t>
  </si>
  <si>
    <t>K = Prior to Final Report (FN)</t>
  </si>
  <si>
    <t>I = From Date of Death</t>
  </si>
  <si>
    <t>B = Business Days</t>
  </si>
  <si>
    <t>C = Calendar Days</t>
  </si>
  <si>
    <t>Status</t>
  </si>
  <si>
    <t>Activity</t>
  </si>
  <si>
    <t>J = Jurisdiction defined (define details in column)</t>
  </si>
  <si>
    <t>Report Trigger</t>
  </si>
  <si>
    <t>Criteria</t>
  </si>
  <si>
    <t>Acquired/
Unallocated</t>
  </si>
  <si>
    <t>Others as defined by jurisdiction</t>
  </si>
  <si>
    <t>Rule Date Criteria</t>
  </si>
  <si>
    <t>1=Date of Injury</t>
  </si>
  <si>
    <t xml:space="preserve">Event Rule </t>
  </si>
  <si>
    <t>Event Rule</t>
  </si>
  <si>
    <t>Event Rule Criteria</t>
  </si>
  <si>
    <t>Report Trigger Criteria Codes</t>
  </si>
  <si>
    <t>Report Due Type</t>
  </si>
  <si>
    <t>Due Type</t>
  </si>
  <si>
    <t>2=EDI Mandate Date</t>
  </si>
  <si>
    <t>3=Jurisdiction defined</t>
  </si>
  <si>
    <t>Report Due From Code</t>
  </si>
  <si>
    <t xml:space="preserve">The First Report of Injury (FROI) Event Table is designed to provide information integral for a sender to understand the receiver’s EDI reporting requirements.  It relates EDI information to the circumstances under which they are initiated as well as the timeframes for sending the information.  These circumstances and timeframes reflect legislative mandates and specifications relative to reporting requirements based on various criteria. </t>
  </si>
  <si>
    <t xml:space="preserve">The Subsequent Report of Injury (SROI) Event Table is designed to provide information integral for a sender to understand the receiver’s EDI reporting requirements.  It relates EDI information to the circumstances under which they are initiated as well as the timeframes for sending the information.  These circumstances and timeframes reflect legislative mandates and specifications relative to reporting requirements based on various criteria. </t>
  </si>
  <si>
    <t xml:space="preserve">The Periodic Subsequent Report of Injury (SROI) Event Table is designed to provide information integral for a sender to understand the receiver’s EDI reporting requirements.  It relates EDI information to the circumstances under which they are initiated as well as the timeframes for sending the information.  These circumstances and timeframes reflect legislative mandates and specifications relative to reporting requirements based on various criteria. </t>
  </si>
  <si>
    <t>C =Calendar Days</t>
  </si>
  <si>
    <t>Periodic Qualifiers</t>
  </si>
  <si>
    <t xml:space="preserve">Status Qualifier </t>
  </si>
  <si>
    <t>Activity Qualifier</t>
  </si>
  <si>
    <t>.</t>
  </si>
  <si>
    <t>B = Cumulative Medical $ Paid</t>
  </si>
  <si>
    <t>N = Cumulative Indemnity $ Paid</t>
  </si>
  <si>
    <t>Paper Form(s)</t>
  </si>
  <si>
    <t xml:space="preserve"> </t>
  </si>
  <si>
    <t>Periodic Report Due</t>
  </si>
  <si>
    <t>D = Cumulative Wage Replacement Paid</t>
  </si>
  <si>
    <t>Sub-Annual</t>
  </si>
  <si>
    <t>1 = Open (If claim is open at time of Report Trigger)</t>
  </si>
  <si>
    <t>2 = Closed (If claim has closed since the last periodic report)</t>
  </si>
  <si>
    <t>3 = Either (if claim is open or has closed since the last periodic report)</t>
  </si>
  <si>
    <t>IL = Indemnity (If Claim Type Code = Indemnity or Became Lost Time)</t>
  </si>
  <si>
    <t>MB = Medical Only (If Claim Type Code = Medical Only or Became Medical Only)</t>
  </si>
  <si>
    <t>E = Either (either IL or MB)</t>
  </si>
  <si>
    <t>Release</t>
  </si>
  <si>
    <t>IAIABC Claims Release number</t>
  </si>
  <si>
    <t>MTC</t>
  </si>
  <si>
    <t>MTC Description</t>
  </si>
  <si>
    <t>MTC Definition</t>
  </si>
  <si>
    <t>The original/initial first report transmitted between partners, including the re-transmission of a first report that was rejected due to a critical error.</t>
  </si>
  <si>
    <t>The original first report was sent in error.</t>
  </si>
  <si>
    <t>The claim administrator initiates a Change MTC when it identifies a change in a data element designated on the Element Requirement Table.</t>
  </si>
  <si>
    <t>Minimal data sent to report that a new claim administrator has acquired the claim.</t>
  </si>
  <si>
    <t>The equivalent of an initial first report (MTC 00) filed by a new claim administrator in response to an AQ transaction that has been rejected because of no claim match on database or when an AU is sent in lieu of an AQ based on the Jurisdiction’s Event Table.</t>
  </si>
  <si>
    <t>Corrected data element values are transmitted in response to an acknowledgment containing non-critical errors.</t>
  </si>
  <si>
    <t>A determination has not yet been made as to whether this is a compensable claim.  This MTC may be sent as the First Report.</t>
  </si>
  <si>
    <t>The injured employee has died as a result of a covered injury and no payment(s) of indemnity benefits have been made pending further beneficiary investigation.</t>
  </si>
  <si>
    <t>Closed claim, no further payments of any kind anticipated.</t>
  </si>
  <si>
    <t xml:space="preserve">A determination has not yet been made as to whether this is a compensable claim.  </t>
  </si>
  <si>
    <t>The employee is a volunteer for the covered employer, and the claim administrator will make no indemnity payments.</t>
  </si>
  <si>
    <t>Acquired/
Payment</t>
  </si>
  <si>
    <t>Paper Equivalent Form(s)</t>
  </si>
  <si>
    <t>Will this report be accepted electronically? (Yes/No)</t>
  </si>
  <si>
    <t>Comments</t>
  </si>
  <si>
    <t>Yes</t>
  </si>
  <si>
    <t>Paper NA, IAIABC Technical</t>
  </si>
  <si>
    <t>CC-FORM-2A: EMPLOYER'S INTENT TO CONTROVERT CLAIM</t>
  </si>
  <si>
    <t>CC-FORM-4: REPORT OF COMPENSATION PAID
For: AMENDED REPORT / Closing Report</t>
  </si>
  <si>
    <t>YES</t>
  </si>
  <si>
    <t>M - MTC Defined</t>
  </si>
  <si>
    <t>N/A</t>
  </si>
  <si>
    <t>H - Immediate</t>
  </si>
  <si>
    <t>CC-FORM-4: REPORT OF COMPENSATION PAID</t>
  </si>
  <si>
    <t>First Report of Injury (FROI - 148 &amp; R21) and Subsequent Report of Injury (SROI A49 &amp; R22)
Refer to Systems Rules - Transmissions</t>
  </si>
  <si>
    <t>SROI Periodic Report</t>
  </si>
  <si>
    <t>CC-FORM-2: EMPLOYER'S FIRST NOTICE OF INJURY
Applicable to Injuries/Deaths occurring On or After 2/1/14</t>
  </si>
  <si>
    <t xml:space="preserve">CC-FORM-2A Extension: EMPLOYER'S APPLICATION AND AUTHORIZATION FOR EXTENSION OF TIME TO FILE CC-FORM-2A </t>
  </si>
  <si>
    <t>NO</t>
  </si>
  <si>
    <t>Q= Employee Death</t>
  </si>
  <si>
    <t>10</t>
  </si>
  <si>
    <t>J= Jurisdiction Defined</t>
  </si>
  <si>
    <t>Employee Death as a result of injury and the claim is not denied</t>
  </si>
  <si>
    <t>J = After Report Trigger  Effective Date of Acquisition</t>
  </si>
  <si>
    <t>To request a one time extension of the deadline to file a Denial (prev. CC-Form-2A-Employer’s Intent to Controvert Claim) as authorized in 85A O.S., §86(B), and understands that no additional extensions are allowed.</t>
  </si>
  <si>
    <t>NA</t>
  </si>
  <si>
    <t>Claim Administrator denies a death claim after previous SROI Payment MTC Filed</t>
  </si>
  <si>
    <t>Claim Administrator denies a claim after previous SROI Payment MTC Filed</t>
  </si>
  <si>
    <t>NA for OKWCC 3.0</t>
  </si>
  <si>
    <t>The Claim Administrator has identified
that the Net Weekly Amount (DN0087) for this benefit type has changed from the previously reported Net Weekly Amount, and the Benefit Type Code has not changed, and benefits are not currently being reinstated. If the Net Weekly Amount is being changed in response to a TE, the CO MTC is used.</t>
  </si>
  <si>
    <t>Indemnity benefits are currently being
paid and a concurrent benefit type is being added or reinstated.
Refer to Variable Segment Rules</t>
  </si>
  <si>
    <t>The claim administrator who acquired the claim
has processed their first payment of indemnity benefits.
DP Rule: A previous AQ or AU must have been filed. If a jurisdiction requires a Payments segment on an AP and more than one check is issued for the same indemnity Benefit Type/Payment Reason Code, all indemnity
checks issued should be populated in the Payments segment.</t>
  </si>
  <si>
    <t>The injured employee has died as a result of a covered injury and no payment(s) of indemnity benefits have been made pending further beneficiary investigation.
DP Rule: Filed to meet jurisdiction timeliness requirement as replacement for Initial Payment report. If accepting compensability after full denial for a CD claim, the MTC CD
would be used.</t>
  </si>
  <si>
    <t>Compensable Death – No Known Dependents/Payees</t>
  </si>
  <si>
    <t>Corrected data element values are transmitted in response to a “TE” Application Acknowledgment Code.
DP Rule: “CO” (Correction) Maintenance Type Code is only sent in response to transaction “Accepted with Errors” (TE). Maintenance Type
Code “02” is used when there is a change of an element designated on the trading partner tables. Transactions reported on an Acknowledgment Report as “Transaction Rejected” (TR) are corrected and re-sent as the original Maintenance Type Code in their entirety</t>
  </si>
  <si>
    <t>The first report of payment of an indemnity benefit other than a lump sum payment/settlement that has been paid by the
employer in lieu of compensation, and the claim administrator is not paying any indemnity benefits at this time.
DP Rule: A previous subsequent report may or may not have been filed.</t>
  </si>
  <si>
    <t>A claim administrator has issued the first payment of an indemnity benefit other than a lump sum payment/settlement.
See definition for DP Rule.</t>
  </si>
  <si>
    <t>A specific benefit(s) is currently being denied.
DP Rule:
• A previous subsequent report may or may not have been filed. A previous First Report must have been filed.
• MTC PD (Partial Denial) is not to be used in conjunction with the Full Denial data elements: Full Denial Reason Code and Full Denial
Effective Date. Denial Reason Narrative can be used to further explain benefits being denied.
• Depending upon the jurisdiction’s requirements, for sequencing purposes, an RB may follow a PD without a previous Sx.</t>
  </si>
  <si>
    <t>Indemnity payments previously paid by the claim administrator have been resumed by the claim administrator, but the reinstated benefit type may or may not have been paid previously.
See DP Rule</t>
  </si>
  <si>
    <t>Identifies lump sum payment/settlement reports OR jurisdiction-required reporting of the first payment of Other Benefit Type Codes for medical, funeral, penalty, and attorney fees. This is not to be used for monitoring ongoing payments.
See DP Rule</t>
  </si>
  <si>
    <t>The injured employee has returned/been released to return to work and actual or deemed earnings for each reduced earnings
week is reported.
See DP Rule</t>
  </si>
  <si>
    <t>The employee is a volunteer for the covered employer, and the claim administrator will make no indemnity payments.
DP Rule: Filed to meet jurisdiction timeliness requirement as replacement for Initial Payment report.
If accepting compensability after full denial for a VE claim, the MTC VE would be used.</t>
  </si>
  <si>
    <t>The Claim Administrator has identified that
the Benefit Type Code (DN0085) has changed from the previously reported Benefit Type Code without a break in continuity of benefits. A CB would also be filed if an employer previously paid salary in lieu of compensation (EP with Benefit Type Code 2xx) and is now paying salary in lieu of compensation again after the claim administrator either began paying (IP with Benefit Type Code 0xx) or reinstated benefits (RB with Benefit Type Code 0xx), without a break in continuity of benefits (Sx). If the Benefit Type Code is being corrected in response to a TE, the CO MTC is used.
DP Rule: A previous IP, AP, or Subsequent Report UR has been filed.</t>
  </si>
  <si>
    <t>The employer has resumed paying the injured employee’s salary in lieu of compensation after a suspension of benefits, and the claim administrator is not paying any indemnity benefits at this time.</t>
  </si>
  <si>
    <t>3=Juris defined</t>
  </si>
  <si>
    <t>C-Calendar</t>
  </si>
  <si>
    <t>Indemnity benefits are currently being paid and a concurrent benefit type is being added or reinstated.</t>
  </si>
  <si>
    <t>Claim Administrator is accepting compensability after full denial for a death claim</t>
  </si>
  <si>
    <t>A specific benefit(s) is currently being denied.</t>
  </si>
  <si>
    <t xml:space="preserve">Report the lump sum payment and/or settlement. </t>
  </si>
  <si>
    <t xml:space="preserve">The injured employee has returned/been released to return to work and actual or deemed earnings for each reduced earnings week is reported.
</t>
  </si>
  <si>
    <t>Correction of errors in response to a FROI TE acknowledgment. Note: A FROI with TE (accepted with error) acknowledgment must be corrected  by sending a FROI CO before any additional FROI reports can be sent. SROI reports may continue to be reported. Refer to IAIABC Error Correction Process.</t>
  </si>
  <si>
    <t>The original first report was sent in error. 
Notes: A previous first report must have been accepted before the FROI 01 Cancel is sent.. A FROI 01 Cancel may be sent after subsequent report(s) have been filed. Refer to IAIABC 01 Cancel Processing Rules.</t>
  </si>
  <si>
    <t>15</t>
  </si>
  <si>
    <t>B - Business Days</t>
  </si>
  <si>
    <t>C - Calendar  Days</t>
  </si>
  <si>
    <t>Correction of errors in response to a SROI TE acknowledgment. Note: A SROI with TE (accepted with error) acknowledgment must be corrected  by sending a SROI CO before any additional SROI reports can be sent. FROI reports may continue to be reported. Refer to IAIABC Error Correction Process.</t>
  </si>
  <si>
    <t>30</t>
  </si>
  <si>
    <t xml:space="preserve">Claim Administrator is reporting a new claim while denying it in its entirety; or denying a previously reported claim in its entirety. </t>
  </si>
  <si>
    <t>A determination has not yet been made as to whether this is a compensable claim; payments may or may not have been made.</t>
  </si>
  <si>
    <t>Claim Administrator has identified that
the Benefit Type Code (DN0085) has changed from the previously reported Benefit Type Code without a break in continuity of benefits.</t>
  </si>
  <si>
    <t>CC-FORM-2A Extension does not require CC-FORM-2A to follow if TP is accepting liability for the claim. CC-FORM-2A is only filed if claim is a denial. CC-FORM-2A is due15 days from Employers determination/notification. If TP needs more time then need to  file CC-FORM-2A Extension.</t>
  </si>
  <si>
    <r>
      <t xml:space="preserve">Claim Administrator acquires an </t>
    </r>
    <r>
      <rPr>
        <u/>
        <sz val="10"/>
        <rFont val="Calibri"/>
        <family val="2"/>
        <scheme val="minor"/>
      </rPr>
      <t>open</t>
    </r>
    <r>
      <rPr>
        <sz val="10"/>
        <rFont val="Calibri"/>
        <family val="2"/>
        <scheme val="minor"/>
      </rPr>
      <t xml:space="preserve"> claim.</t>
    </r>
  </si>
  <si>
    <r>
      <t>Interpreting the jurisdiction's requirements:</t>
    </r>
    <r>
      <rPr>
        <sz val="9"/>
        <rFont val="Arial"/>
        <family val="2"/>
      </rPr>
      <t xml:space="preserve">  A (Report Type) (Maintenance Type-Code)</t>
    </r>
    <r>
      <rPr>
        <b/>
        <sz val="9"/>
        <color indexed="10"/>
        <rFont val="Arial"/>
        <family val="2"/>
      </rPr>
      <t xml:space="preserve"> </t>
    </r>
    <r>
      <rPr>
        <sz val="9"/>
        <rFont val="Arial"/>
        <family val="2"/>
      </rPr>
      <t>must be filed based on the (Event Rule Criteria) within (Event Rule Date range) on Claims that meet the Report Trigger  (Criteria and Trigger Value), meets the Periodic Qualifier (Status and Activity) and must be filed by the Periodic Report Due indicated (Value, Due Type, From).
*  If the Event Rule T</t>
    </r>
    <r>
      <rPr>
        <sz val="9"/>
        <color indexed="8"/>
        <rFont val="Arial"/>
        <family val="2"/>
      </rPr>
      <t>hru date is blank, reporting requirements apply until further notice.
* Periodic Report Due indicated (Value, Due Type, From) is the last day a claim administrator has to receive a “Transaction Accepted” or “Transaction Accepted with Errors” for that MTC, and not just the date on which that transaction must be triggered regardless of errors.  It was suggested that the Claim Administrator trigger the reports prior to this date in order to allow time for correcting errors.</t>
    </r>
  </si>
  <si>
    <t>Various paper reports filed prior to EDI for a given claim</t>
  </si>
  <si>
    <t>C-Calendar Days</t>
  </si>
  <si>
    <t>Claim administrator has issued the initial payment of an indemnity benefit other than a lump sum payment/settlement.</t>
  </si>
  <si>
    <t>The employer is submitting first report of payment of an indemnity benefit other than a lump sum payment/settlement that has been paid in lieu of compensation, and the claim administrator is not paying any indemnity benefits at this time.</t>
  </si>
  <si>
    <t>The claim administrator who acquired the claim
has processed their first payment of indemnity benefits. 
Note: FROI AQ or AU must be previously filed/accepted.</t>
  </si>
  <si>
    <t>Claim Administrator has identified that the Net Weekly Amount (DN0087) for this benefit type has changed from the previously reported Net Weekly Amount, and the Benefit Type Code has not changed, and benefits are not currently being reinstated.
Note: If the Net Weekly Amount is being changed in response to a TE, the CO MTC is used.</t>
  </si>
  <si>
    <t>Employee Death as a result of injury and the claim is denied in full or part.</t>
  </si>
  <si>
    <t xml:space="preserve">If FROI UI previously filed, there is an extension of 30 calendar days beyond the original 15 day deadline (for a total of 45 days from the date of the employer's notice of injury/death) to file a FROI 00.
Note: FROI 00 is needed within 30 days of filing FROI UI.
</t>
  </si>
  <si>
    <t>45</t>
  </si>
  <si>
    <t>Claim Administrator denies the entire compensability of the claim. Claim is being denied before indemnity or medical benefits have been paid.</t>
  </si>
  <si>
    <t xml:space="preserve">Legacy Claims with NO Existing Payments for Open Claims and/or Re-Open Claims with Date Of Injury (DN0031) &gt;= 2/01/2014 where a FROI UR has been filed: If a legacy FROI has no payments, then a SROI MTC UR is not required to follow the FROI UR. The normal SROI sequencing rules will apply to allow the first payment and/or other various reports to be the first SROI accepted; for example SROI MTC CD EP IP PY can follow the FROI MTC UR. </t>
  </si>
  <si>
    <t>Row or Column Updated</t>
  </si>
  <si>
    <t>Change Description: Previous Requirement</t>
  </si>
  <si>
    <t>Change Description: New Requirement</t>
  </si>
  <si>
    <t>Change Reason/Purpose</t>
  </si>
  <si>
    <t>Type of Change</t>
  </si>
  <si>
    <t>Task ID</t>
  </si>
  <si>
    <t>Version</t>
  </si>
  <si>
    <t>IAIABC Release</t>
  </si>
  <si>
    <t>IAIABC Publication Date</t>
  </si>
  <si>
    <t>Documentation Change</t>
  </si>
  <si>
    <t>1.3</t>
  </si>
  <si>
    <t>Instructions, Form to MTC Crosswalk, SROI</t>
  </si>
  <si>
    <t>3.1</t>
  </si>
  <si>
    <t>EVT6</t>
  </si>
  <si>
    <t>8/15/2017</t>
  </si>
  <si>
    <t>EVT7</t>
  </si>
  <si>
    <t>Form to MTC Crosswalk, FROI and SROI</t>
  </si>
  <si>
    <t>EVT8</t>
  </si>
  <si>
    <t>Form to MTC Crosswalk</t>
  </si>
  <si>
    <t>EVT9</t>
  </si>
  <si>
    <t>Instructions, FROI, SROI, Periodic</t>
  </si>
  <si>
    <t>EVT10</t>
  </si>
  <si>
    <t>Form to MTC Crosswalk, SROI</t>
  </si>
  <si>
    <t>EVT11</t>
  </si>
  <si>
    <t xml:space="preserve">Instructions, FROI, SROI </t>
  </si>
  <si>
    <t>EVT12</t>
  </si>
  <si>
    <t>Instructions, Form to MTC Crosswalk, FROI, SROI</t>
  </si>
  <si>
    <t xml:space="preserve">FROI and SROI 04 reporting requirements should also be communicated on the FROI and SROI Event Table.
</t>
  </si>
  <si>
    <t>EVT13</t>
  </si>
  <si>
    <t>Instructions</t>
  </si>
  <si>
    <t>EVT14</t>
  </si>
  <si>
    <t>Instructions, SROI</t>
  </si>
  <si>
    <t>EVT15</t>
  </si>
  <si>
    <t>Instructions, FROI, SROI</t>
  </si>
  <si>
    <t>EVT16</t>
  </si>
  <si>
    <t>EVT17</t>
  </si>
  <si>
    <t>FROI and SROI</t>
  </si>
  <si>
    <t>EVT18</t>
  </si>
  <si>
    <t>Form to MTC Crosswalk FROI</t>
  </si>
  <si>
    <t>EVT19</t>
  </si>
  <si>
    <t>FROI Event Table</t>
  </si>
  <si>
    <t>SX</t>
  </si>
  <si>
    <t xml:space="preserve"> SX - Full Suspension  </t>
  </si>
  <si>
    <t>All payment(s) of indemnity benefits have stopped. DP Rule:  Full suspension reason code is required..</t>
  </si>
  <si>
    <t>SU</t>
  </si>
  <si>
    <t xml:space="preserve">Sync Up </t>
  </si>
  <si>
    <t>The Claim Administrator has identified missed/delayed transactions or other data issues and has a need to send the most current value for SROI data elements to replace all the missed/delayed information.</t>
  </si>
  <si>
    <t xml:space="preserve">Statute </t>
  </si>
  <si>
    <t>OKWCC Revision Date</t>
  </si>
  <si>
    <t xml:space="preserve">OKWCC Published Date </t>
  </si>
  <si>
    <t>OKWCC Change Number</t>
  </si>
  <si>
    <t>EVT 1.3.1</t>
  </si>
  <si>
    <t>EVT 1.3.2</t>
  </si>
  <si>
    <t>NT</t>
  </si>
  <si>
    <t>Narrative</t>
  </si>
  <si>
    <t xml:space="preserve">A transaction used by the claim administrator to communicate with the jurisdiction on a specific claim. For example, to provide further information supporting the action taken on a claim. </t>
  </si>
  <si>
    <t>U = Narrative - Claim administrator chooses to report the action(s) taken on a specific claim</t>
  </si>
  <si>
    <t xml:space="preserve"> SX - Full Suspension </t>
  </si>
  <si>
    <t>V = SU Sync Up</t>
  </si>
  <si>
    <t xml:space="preserve">Update Report </t>
  </si>
  <si>
    <t>Upon Request (Grandfathered)</t>
  </si>
  <si>
    <t>AC</t>
  </si>
  <si>
    <t>Acquisition/
Indemnity Ceased</t>
  </si>
  <si>
    <t>S = AC Acquisition/Indemnity Ceased</t>
  </si>
  <si>
    <t>T = response to "TE" acknowledgment code from SROI MTC</t>
  </si>
  <si>
    <t>Trigger Value (02)</t>
  </si>
  <si>
    <r>
      <t xml:space="preserve">B = </t>
    </r>
    <r>
      <rPr>
        <i/>
        <sz val="8"/>
        <rFont val="Arial"/>
        <family val="2"/>
      </rPr>
      <t xml:space="preserve">duration </t>
    </r>
    <r>
      <rPr>
        <sz val="8"/>
        <rFont val="Arial"/>
        <family val="2"/>
      </rPr>
      <t>from last accepted FN</t>
    </r>
  </si>
  <si>
    <t xml:space="preserve">CM = Lost Time - cumulative days </t>
  </si>
  <si>
    <t>CV = Lost Time - consecutive days</t>
  </si>
  <si>
    <r>
      <t xml:space="preserve">C = </t>
    </r>
    <r>
      <rPr>
        <i/>
        <sz val="8"/>
        <rFont val="Arial"/>
        <family val="2"/>
      </rPr>
      <t xml:space="preserve">duration </t>
    </r>
    <r>
      <rPr>
        <sz val="8"/>
        <rFont val="Arial"/>
        <family val="2"/>
      </rPr>
      <t>from last accepted SX or 04 whichever is latest</t>
    </r>
  </si>
  <si>
    <r>
      <t xml:space="preserve">D = </t>
    </r>
    <r>
      <rPr>
        <i/>
        <sz val="8"/>
        <rFont val="Arial"/>
        <family val="2"/>
      </rPr>
      <t xml:space="preserve">duration </t>
    </r>
    <r>
      <rPr>
        <sz val="8"/>
        <rFont val="Arial"/>
        <family val="2"/>
      </rPr>
      <t xml:space="preserve">from </t>
    </r>
    <r>
      <rPr>
        <i/>
        <sz val="8"/>
        <rFont val="Arial"/>
        <family val="2"/>
      </rPr>
      <t>jurisdiction defined</t>
    </r>
  </si>
  <si>
    <t>Trigger Value (AC)</t>
  </si>
  <si>
    <t>AJ = Jurisdiction defined for acquired claims</t>
  </si>
  <si>
    <t>R = 02 Change timeline</t>
  </si>
  <si>
    <t>L = jurisdiction approval</t>
  </si>
  <si>
    <t xml:space="preserve">W3 = deny entire claim after previously accepted FROI </t>
  </si>
  <si>
    <t>W4 = deny entire claim after any SROI has been accepted</t>
  </si>
  <si>
    <t>PX</t>
  </si>
  <si>
    <t>PX - Partial Suspension</t>
  </si>
  <si>
    <t>NA - HIDE Column 3.1</t>
  </si>
  <si>
    <t xml:space="preserve">PX - Partial Suspension </t>
  </si>
  <si>
    <t>Payment(s) of one concurrent indemnity benefit have stopped. DP Rule:  Partial suspension reason code is required.</t>
  </si>
  <si>
    <r>
      <t xml:space="preserve">A = </t>
    </r>
    <r>
      <rPr>
        <i/>
        <sz val="8"/>
        <rFont val="Arial"/>
        <family val="2"/>
      </rPr>
      <t xml:space="preserve">duration </t>
    </r>
    <r>
      <rPr>
        <sz val="8"/>
        <rFont val="Arial"/>
        <family val="2"/>
      </rPr>
      <t>from claim closure</t>
    </r>
  </si>
  <si>
    <t>Y = Years</t>
  </si>
  <si>
    <t>R = 02 Change-timeline</t>
  </si>
  <si>
    <t>T = response to "TE" acknowledgment code from FROI MTC</t>
  </si>
  <si>
    <t>W1 = new claim is denied in its entirety</t>
  </si>
  <si>
    <t>W2 = deny entire claim after previously accepted FROI (no SROI)</t>
  </si>
  <si>
    <t>Acquisition/Indemnity Ceased</t>
  </si>
  <si>
    <t>Minimal SROI data sent in response to a request by the jurisdiction (such as when DN0410 Acquisition Status Code is sent on the accepted AQ or AU acknowledgment) as a substitute for transaction(s) not accepted from a prior Claim Administrator used to indicate a claim suspension or closure.</t>
  </si>
  <si>
    <t xml:space="preserve"> Cancel Entire Claim</t>
  </si>
  <si>
    <t>Cancel Entire Claim</t>
  </si>
  <si>
    <t>14</t>
  </si>
  <si>
    <t>B</t>
  </si>
  <si>
    <t>L = Jurisdiction approval</t>
  </si>
  <si>
    <t>The entire claim is being denied. 
RE: The Event Table will indicate whether a jurisdiction will require a SROI 04 to deny a claim after a previously reported FROI was accepted.</t>
  </si>
  <si>
    <t>yes</t>
  </si>
  <si>
    <t>added red text</t>
  </si>
  <si>
    <t>added red text, do we need partial?</t>
  </si>
  <si>
    <t>ISO Notes:</t>
  </si>
  <si>
    <t>new, event on SROI table is shown under comments</t>
  </si>
  <si>
    <t>OKWCC does not accept Px</t>
  </si>
  <si>
    <t>yes OKWCC does accept S1 S2 S3 S4 S5 S6 S7 S8 SD SJ - NO S9 accepted</t>
  </si>
  <si>
    <t>FROI SROI</t>
  </si>
  <si>
    <t>Change Release from 3.0 to 3.1 for all MTC's</t>
  </si>
  <si>
    <t>Change Event Rule: From Date for all MTC's from 1/1/18 to 9/1/18.</t>
  </si>
  <si>
    <t>9/1/18</t>
  </si>
  <si>
    <r>
      <t xml:space="preserve">753R3.0 - to support </t>
    </r>
    <r>
      <rPr>
        <b/>
        <sz val="10"/>
        <rFont val="Calibri"/>
        <family val="2"/>
        <scheme val="minor"/>
      </rPr>
      <t>Claim Type Code</t>
    </r>
    <r>
      <rPr>
        <sz val="10"/>
        <rFont val="Calibri"/>
        <family val="2"/>
        <scheme val="minor"/>
      </rPr>
      <t xml:space="preserve">
DP Rule:
• Jurisdictions should clarify in their Event Table how “Lost Time” is determined.</t>
    </r>
  </si>
  <si>
    <r>
      <rPr>
        <b/>
        <sz val="10"/>
        <rFont val="Calibri"/>
        <family val="2"/>
        <scheme val="minor"/>
      </rPr>
      <t xml:space="preserve">Form to MTC Crosswalk, FROI: </t>
    </r>
    <r>
      <rPr>
        <sz val="10"/>
        <rFont val="Calibri"/>
        <family val="2"/>
        <scheme val="minor"/>
      </rPr>
      <t xml:space="preserve">Changed the title of MTC 01 Cancel to </t>
    </r>
    <r>
      <rPr>
        <i/>
        <sz val="10"/>
        <rFont val="Calibri"/>
        <family val="2"/>
        <scheme val="minor"/>
      </rPr>
      <t>Cancel Entire Claim</t>
    </r>
  </si>
  <si>
    <r>
      <t xml:space="preserve">IRR814 added </t>
    </r>
    <r>
      <rPr>
        <i/>
        <sz val="10"/>
        <rFont val="Calibri"/>
        <family val="2"/>
        <scheme val="minor"/>
      </rPr>
      <t>Entire Claim</t>
    </r>
    <r>
      <rPr>
        <sz val="10"/>
        <rFont val="Calibri"/>
        <family val="2"/>
        <scheme val="minor"/>
      </rPr>
      <t xml:space="preserve"> to description of 01 MTC</t>
    </r>
  </si>
  <si>
    <t>IAIABC Change Number (if applicable)</t>
  </si>
  <si>
    <t>Adding note concerning OKWCC: 85A O.S. §63</t>
  </si>
  <si>
    <t>EVT 1.3.3</t>
  </si>
  <si>
    <t>EVT 1.3.4</t>
  </si>
  <si>
    <t>EVT 1.3.5</t>
  </si>
  <si>
    <t>EVT 1.3.6</t>
  </si>
  <si>
    <t>EVT 1.3.7</t>
  </si>
  <si>
    <t>EVT 1.3.8</t>
  </si>
  <si>
    <t>EVT 1.3.9</t>
  </si>
  <si>
    <t>EVT 1.3.10</t>
  </si>
  <si>
    <t>EVT 1.3.11</t>
  </si>
  <si>
    <t>EVT 1.3.12</t>
  </si>
  <si>
    <t>EVT 1.3.13</t>
  </si>
  <si>
    <t>EVT 1.3.14</t>
  </si>
  <si>
    <t>EVT 1.3.15</t>
  </si>
  <si>
    <t>EVT 1.3.16</t>
  </si>
  <si>
    <t>EVT 1.3.17</t>
  </si>
  <si>
    <t>EVT 1.3.18</t>
  </si>
  <si>
    <t>Add new Maintenance Type Code DN0002: UR Update Report. OKWCC will now use FROI and SROI MTC UR Update Report and will no longer use the FROI and SROI MTC UR Upon Request: Grandfathered. The event that was previously defined for FROI and SROI MTC UR Upon Request: Grandfathered will not be used for FROI and SROI MTC UR Update Report.</t>
  </si>
  <si>
    <t>No longer used - using MTC UR Update Report</t>
  </si>
  <si>
    <t>Submitted in response to a specific request from the Jurisdiction, and manually triggered by the Claim Administrator.</t>
  </si>
  <si>
    <t>No</t>
  </si>
  <si>
    <t>new mtc, does OKWCC need this?--YES</t>
  </si>
  <si>
    <t xml:space="preserve">On a Voluntary basis the claim administrator may communicate with OKWCC on a specific claim. For example, to provide further information supporting the action taken on a claim. </t>
  </si>
  <si>
    <t>new mtc, does OKWCC need this?-- NO</t>
  </si>
  <si>
    <t>Full Suspension – All payment(s) of indemnity benefits have stopped.
Report the appropriate DN0418 Suspension Reason Code - Full, 
OKWCC accepts: S1 S2 S3 S4 S5 S6 S7 S8 SD SJ.
S9 is not accepted.</t>
  </si>
  <si>
    <t>na</t>
  </si>
  <si>
    <r>
      <rPr>
        <b/>
        <sz val="10"/>
        <rFont val="Calibri"/>
        <family val="2"/>
        <scheme val="minor"/>
      </rPr>
      <t xml:space="preserve">OKWCC does not accept SROI AC.
IAIABC has added to the Instructions:  </t>
    </r>
    <r>
      <rPr>
        <sz val="10"/>
        <rFont val="Calibri"/>
        <family val="2"/>
        <scheme val="minor"/>
      </rPr>
      <t xml:space="preserve">added instructions on how to use </t>
    </r>
    <r>
      <rPr>
        <i/>
        <sz val="10"/>
        <rFont val="Calibri"/>
        <family val="2"/>
        <scheme val="minor"/>
      </rPr>
      <t xml:space="preserve">Report Trigger Criteria </t>
    </r>
    <r>
      <rPr>
        <sz val="10"/>
        <rFont val="Calibri"/>
        <family val="2"/>
        <scheme val="minor"/>
      </rPr>
      <t>code S = AC Acquisition/Indemnity Ceased and provided scenarios to illustrate how the new code should be used to describe reporting requirements.</t>
    </r>
    <r>
      <rPr>
        <b/>
        <sz val="10"/>
        <rFont val="Calibri"/>
        <family val="2"/>
        <scheme val="minor"/>
      </rPr>
      <t xml:space="preserve">
OKWCC SROI:  </t>
    </r>
    <r>
      <rPr>
        <sz val="10"/>
        <rFont val="Calibri"/>
        <family val="2"/>
        <scheme val="minor"/>
      </rPr>
      <t>Add new Maintenance Type Code: AC Acquisition/Indemnity Ceased to the table and hide the row as OKWCC does not accept AC.</t>
    </r>
  </si>
  <si>
    <r>
      <rPr>
        <b/>
        <sz val="10"/>
        <rFont val="Calibri"/>
        <family val="2"/>
        <scheme val="minor"/>
      </rPr>
      <t xml:space="preserve">IAIABC has added to the Instructions:  </t>
    </r>
    <r>
      <rPr>
        <sz val="10"/>
        <rFont val="Calibri"/>
        <family val="2"/>
        <scheme val="minor"/>
      </rPr>
      <t>added instructions and scenario to illustrate how to describe reporting requirements for CO MTCs</t>
    </r>
    <r>
      <rPr>
        <b/>
        <sz val="10"/>
        <rFont val="Calibri"/>
        <family val="2"/>
        <scheme val="minor"/>
      </rPr>
      <t xml:space="preserve">
Change for OKWCC FROI, SROI:  </t>
    </r>
    <r>
      <rPr>
        <sz val="10"/>
        <rFont val="Calibri"/>
        <family val="2"/>
        <scheme val="minor"/>
      </rPr>
      <t xml:space="preserve">Added a new Report Trigger Criteria Code  T = response to "TE" acknowledgment code from FROI or SROI MTC to be used with MTC CO Correction for a jurisdiction to communicate their reporting criteria. 
</t>
    </r>
    <r>
      <rPr>
        <b/>
        <sz val="10"/>
        <rFont val="Arial"/>
        <family val="2"/>
      </rPr>
      <t/>
    </r>
  </si>
  <si>
    <r>
      <t>Per IAIABC: to support</t>
    </r>
    <r>
      <rPr>
        <i/>
        <sz val="10"/>
        <rFont val="Calibri"/>
        <family val="2"/>
        <scheme val="minor"/>
      </rPr>
      <t xml:space="preserve"> Error Correction Process</t>
    </r>
    <r>
      <rPr>
        <sz val="10"/>
        <rFont val="Calibri"/>
        <family val="2"/>
        <scheme val="minor"/>
      </rPr>
      <t xml:space="preserve"> in Section 4 of the Claims Release 3.1 implementation guide.</t>
    </r>
  </si>
  <si>
    <r>
      <t xml:space="preserve">Per IAIABC: IRR760 - to support new MTC AC Acquisition/Indemnity Ceased for a jurisdiction to communicate their reporting criteria. </t>
    </r>
    <r>
      <rPr>
        <i/>
        <sz val="10"/>
        <rFont val="Calibri"/>
        <family val="2"/>
        <scheme val="minor"/>
      </rPr>
      <t>Refer to Acquired Claims Processing in Section 4 of Claims Release 3.1 Implementation guide</t>
    </r>
  </si>
  <si>
    <r>
      <rPr>
        <b/>
        <sz val="10"/>
        <rFont val="Calibri"/>
        <family val="2"/>
        <scheme val="minor"/>
      </rPr>
      <t xml:space="preserve">IAIABC has added to the Instructions: </t>
    </r>
    <r>
      <rPr>
        <sz val="10"/>
        <rFont val="Calibri"/>
        <family val="2"/>
        <scheme val="minor"/>
      </rPr>
      <t xml:space="preserve"> added instructions on how to use new </t>
    </r>
    <r>
      <rPr>
        <i/>
        <sz val="10"/>
        <rFont val="Calibri"/>
        <family val="2"/>
        <scheme val="minor"/>
      </rPr>
      <t>Report Trigger Criteria</t>
    </r>
    <r>
      <rPr>
        <sz val="10"/>
        <rFont val="Calibri"/>
        <family val="2"/>
        <scheme val="minor"/>
      </rPr>
      <t xml:space="preserve"> R = 02 Change timeline and </t>
    </r>
    <r>
      <rPr>
        <i/>
        <sz val="10"/>
        <rFont val="Calibri"/>
        <family val="2"/>
        <scheme val="minor"/>
      </rPr>
      <t>Report Trigger Values.</t>
    </r>
    <r>
      <rPr>
        <sz val="10"/>
        <rFont val="Calibri"/>
        <family val="2"/>
        <scheme val="minor"/>
      </rPr>
      <t xml:space="preserve"> Provided a scenario to illustrate how to describe jurisdiction reporting requirements using the new codes. 
</t>
    </r>
    <r>
      <rPr>
        <b/>
        <sz val="10"/>
        <rFont val="Calibri"/>
        <family val="2"/>
        <scheme val="minor"/>
      </rPr>
      <t xml:space="preserve">OKWCC added for FROI, SROI:  </t>
    </r>
    <r>
      <rPr>
        <sz val="10"/>
        <rFont val="Calibri"/>
        <family val="2"/>
        <scheme val="minor"/>
      </rPr>
      <t xml:space="preserve">added new </t>
    </r>
    <r>
      <rPr>
        <i/>
        <sz val="10"/>
        <rFont val="Calibri"/>
        <family val="2"/>
        <scheme val="minor"/>
      </rPr>
      <t>Report Trigger Criteria</t>
    </r>
    <r>
      <rPr>
        <sz val="10"/>
        <rFont val="Calibri"/>
        <family val="2"/>
        <scheme val="minor"/>
      </rPr>
      <t xml:space="preserve"> and</t>
    </r>
    <r>
      <rPr>
        <i/>
        <sz val="10"/>
        <rFont val="Calibri"/>
        <family val="2"/>
        <scheme val="minor"/>
      </rPr>
      <t xml:space="preserve"> Report Trigger Values </t>
    </r>
    <r>
      <rPr>
        <sz val="10"/>
        <rFont val="Calibri"/>
        <family val="2"/>
        <scheme val="minor"/>
      </rPr>
      <t xml:space="preserve">to support </t>
    </r>
    <r>
      <rPr>
        <i/>
        <sz val="10"/>
        <rFont val="Calibri"/>
        <family val="2"/>
        <scheme val="minor"/>
      </rPr>
      <t xml:space="preserve">02 Change Processing Rules </t>
    </r>
    <r>
      <rPr>
        <sz val="10"/>
        <rFont val="Calibri"/>
        <family val="2"/>
        <scheme val="minor"/>
      </rPr>
      <t>in Release 3.1 Implementation Guide</t>
    </r>
  </si>
  <si>
    <t>IRR838, IAIABC Change</t>
  </si>
  <si>
    <t>IRR771 - MTC NT Narrative only for a jurisdiction to communicate their reporting criteria. IAIABC Change.</t>
  </si>
  <si>
    <t>IRR839, IAIABC Change.</t>
  </si>
  <si>
    <t>IRR839, IAIABC Change</t>
  </si>
  <si>
    <t>Add Statute to allow the jurisdiction to indicate a Statute if applicable to a specific Event. IAIABC Change.</t>
  </si>
  <si>
    <t>IRR815, IAIABC Change</t>
  </si>
  <si>
    <t>IAIABC Change, per DP Rule in Data Dictionary for Award/Order Date (DN0299)
Injury Severity Type Code (DN0229)</t>
  </si>
  <si>
    <t>IRR760, IAIABC Change</t>
  </si>
  <si>
    <t>IRR772 and IRR849, IAIABC Change</t>
  </si>
  <si>
    <t>See Change Description: New Requirement</t>
  </si>
  <si>
    <t>See Change Description: New Requirement
OKWCC will now use FROI and SROI MTC UR Update Report and will no longer use the FROI and SROI MTC UR Upon Request: Grandfathered. The event that was previously defined for FROI and SROI MTC UR Upon Request: Grandfathered will now be used for FROI and SROI MTC UR Update Report.</t>
  </si>
  <si>
    <t xml:space="preserve">OKWCC will be implementing Claims R3.1 </t>
  </si>
  <si>
    <t>OKWCC will be implementing Claims R3.1 and the mandate date is 9/1/18</t>
  </si>
  <si>
    <t>OKWCC accepts DN0418 Suspension Reason Code – Full: S1 S2 S3 S4 S5 S6 S7 S8 SD SJ - NO S9 accepted</t>
  </si>
  <si>
    <t xml:space="preserve">Allowed so that the claim administrator can communicate with the OKWCC on a specific claim. For example, to provide further information supporting the action taken on a claim. </t>
  </si>
  <si>
    <t>New MTC</t>
  </si>
  <si>
    <t>Revise MTC</t>
  </si>
  <si>
    <t>IAIABC: Modify MTC Definition for DN0002: UR Upon Request: Grandfathered, this is NA for OKWCC</t>
  </si>
  <si>
    <r>
      <rPr>
        <b/>
        <sz val="10"/>
        <rFont val="Calibri"/>
        <family val="2"/>
        <scheme val="minor"/>
      </rPr>
      <t xml:space="preserve">Form to MTC Crosswalk, SROI:  </t>
    </r>
    <r>
      <rPr>
        <sz val="10"/>
        <rFont val="Calibri"/>
        <family val="2"/>
        <scheme val="minor"/>
      </rPr>
      <t>removed  specific Full and Partial Suspension MTCs and replaced with:
 PX - Partial Suspension
 SX - Full Suspension
OKWCC only accepts SX.</t>
    </r>
  </si>
  <si>
    <t>Requirement Changes</t>
  </si>
  <si>
    <t>Clarify the SROI FN Event.</t>
  </si>
  <si>
    <t>EVT 1.3.19</t>
  </si>
  <si>
    <t>SROI FN: OK WCC is expecting an amended SROI FN (Final) after an initial SROI FN filing to update any additional payments on the Closed claim.</t>
  </si>
  <si>
    <t>Previous SROI FN: If any additional payment(s) has/have made on a closed claim and the SROI FN has already been filed, the trading partner should file an amended SROI FN to report the additional payment(s).</t>
  </si>
  <si>
    <t>Previous SROI SA: For ongoing claims, reports are due six months from the Date of Injury and every six months following.
If the claim is closed prior to the initial six months from when the SA is due, a SROI FN should be filed instead.</t>
  </si>
  <si>
    <t xml:space="preserve">SROI SA: A first report of injury must be submitted for an employee when the employer has received notice or knowledge that the employee has sustained an injury that results in lost time beyond the shift or medical attention away from the work site.
Scenario: Employee reports injury on 1/1/18, but returns to work immediately that day without losing any time, and does not seek medical attention at that time.  On 7/1/18, employee seeks medical care for this same injury.  The event trigger for a FROI 00 is 7/1/18; the event trigger for a SROI SA is 6 months from the due date of the FROI 00.  </t>
  </si>
  <si>
    <t>EVT 1.3.20</t>
  </si>
  <si>
    <t>Claim Administrator acquires an open claim is required to submit an AU that is sent in lieu of an AQ or when the acquiring claim administrator is reopening a claim that was previously cancelled.</t>
  </si>
  <si>
    <r>
      <rPr>
        <b/>
        <sz val="10"/>
        <color rgb="FFFF0000"/>
        <rFont val="Calibri"/>
        <family val="2"/>
        <scheme val="minor"/>
      </rPr>
      <t>For UR, add to timelines that the TP's should file these UR's by 11/1/18.</t>
    </r>
    <r>
      <rPr>
        <sz val="10"/>
        <rFont val="Calibri"/>
        <family val="2"/>
        <scheme val="minor"/>
      </rPr>
      <t xml:space="preserve">
Add new Maintenance Type Code DN0002: UR Update Report. OKWCC will now use FROI and SROI MTC UR Update Report and will no longer use the FROI and SROI MTC UR Upon Request: Grandfathered. The event that was previously defined for FROI and SROI MTC UR Upon Request: Grandfathered will not be used for FROI and SROI MTC UR Update Report.</t>
    </r>
  </si>
  <si>
    <r>
      <rPr>
        <b/>
        <sz val="10"/>
        <color rgb="FFFF0000"/>
        <rFont val="Calibri"/>
        <family val="2"/>
        <scheme val="minor"/>
      </rPr>
      <t xml:space="preserve">For UR, add to timelines that the TP's should file these UR's by 11/1/18.
</t>
    </r>
    <r>
      <rPr>
        <sz val="10"/>
        <rFont val="Calibri"/>
        <family val="2"/>
        <scheme val="minor"/>
      </rPr>
      <t>Add new Maintenance Type Code DN0002: UR Update Report. OKWCC will now use FROI and SROI MTC UR Update Report and will no longer use the FROI and SROI MTC UR Upon Request: Grandfathered. The event that was previously defined for FROI and SROI MTC UR Upon Request: Grandfathered will not be used for FROI and SROI MTC UR Update Report.</t>
    </r>
  </si>
  <si>
    <r>
      <t xml:space="preserve">B = </t>
    </r>
    <r>
      <rPr>
        <i/>
        <sz val="10"/>
        <rFont val="Calibri"/>
        <family val="2"/>
        <scheme val="minor"/>
      </rPr>
      <t xml:space="preserve">duration </t>
    </r>
    <r>
      <rPr>
        <sz val="10"/>
        <rFont val="Calibri"/>
        <family val="2"/>
        <scheme val="minor"/>
      </rPr>
      <t>from last accepted FN</t>
    </r>
  </si>
  <si>
    <r>
      <t xml:space="preserve">C = </t>
    </r>
    <r>
      <rPr>
        <i/>
        <sz val="10"/>
        <rFont val="Calibri"/>
        <family val="2"/>
        <scheme val="minor"/>
      </rPr>
      <t xml:space="preserve">duration </t>
    </r>
    <r>
      <rPr>
        <sz val="10"/>
        <rFont val="Calibri"/>
        <family val="2"/>
        <scheme val="minor"/>
      </rPr>
      <t>from last accepted SX or 04 whichever is latest</t>
    </r>
  </si>
  <si>
    <r>
      <t xml:space="preserve">D = </t>
    </r>
    <r>
      <rPr>
        <i/>
        <sz val="10"/>
        <rFont val="Calibri"/>
        <family val="2"/>
        <scheme val="minor"/>
      </rPr>
      <t xml:space="preserve">duration </t>
    </r>
    <r>
      <rPr>
        <sz val="10"/>
        <rFont val="Calibri"/>
        <family val="2"/>
        <scheme val="minor"/>
      </rPr>
      <t xml:space="preserve">from </t>
    </r>
    <r>
      <rPr>
        <i/>
        <sz val="10"/>
        <rFont val="Calibri"/>
        <family val="2"/>
        <scheme val="minor"/>
      </rPr>
      <t>jurisdiction defined</t>
    </r>
  </si>
  <si>
    <r>
      <t xml:space="preserve">AB = </t>
    </r>
    <r>
      <rPr>
        <i/>
        <sz val="10"/>
        <rFont val="Calibri"/>
        <family val="2"/>
        <scheme val="minor"/>
      </rPr>
      <t>Acquisition Status Code B returned on AQ/AU acknowledgment and AP not due</t>
    </r>
  </si>
  <si>
    <t>Added new FROI 00 Event: When there is a subsequent first report (FROI) for a claim that was previously denied in its entirety (FROI 04). Claim is no longer denied. The FROI 00 should be submitted prior to a SROI report.</t>
  </si>
  <si>
    <t>EVT 1.3.21</t>
  </si>
  <si>
    <t>Clarify that a FROI 00 is required after a FROI 04 and before the SROI report(s) when a claims status changes and is no longer denied.</t>
  </si>
  <si>
    <t>New Event</t>
  </si>
  <si>
    <t>E = Either Indemnity or medical</t>
  </si>
  <si>
    <t xml:space="preserve">For ongoing open claims. </t>
  </si>
  <si>
    <t>Within 15 days from the due date =  every six months from the DN0031 Date of Injury.  
If medical payment to an offsite provider or lost time has occurred later than six months from the DN0031 Date of Injury, then the SROI MTC SA is due on the next six month DN0031 Date of Injury cycle.</t>
  </si>
  <si>
    <t>FROI 00 (Original) Revised Event:
A first report of injury must be submitted for an employee when the employer has received notice or knowledge that the employee has sustained an injury that results in lost time beyond the shift or medical attention away from the work site.</t>
  </si>
  <si>
    <t xml:space="preserve">FROI 00 (Original) Previous Event:
A First Report of Injury must be submitted for an employee when there is lost time beyond the shift or medical attention away from the work site.  </t>
  </si>
  <si>
    <t>To Clarify Event based on feedback from IAIABC Implementation Team</t>
  </si>
  <si>
    <t>EVT 1.3.22</t>
  </si>
  <si>
    <t>Revised Existing Event</t>
  </si>
  <si>
    <t>2A could be Full or Partial Denial. Investigate how to handle the Partial portion of the denial. (Email submission is not currently available)
Send to Workers’ Compensation Commission, ATTN: FORM 2 DIVISION and send 1 copy to the Employee or Beneficiaries. The employer/insurer respectfully requests one extension of the deadline to file a CC-Form-2A (Employer’s Intent to Accept or Controvert Claim) as authorized in 85A O.S., §86(B), and understands that no additional extensions are allowed. Revised 2-2-16</t>
  </si>
  <si>
    <t>The entire claim is being denied. 
E.g: Concurrently reporting a new claim while denying it in its entirety.</t>
  </si>
  <si>
    <t>The entire claim is being denied. 
E.g: Denying a previously reported claim in its entirety</t>
  </si>
  <si>
    <t xml:space="preserve">Legacy Claims : All open and re-opened claims (including indemnity and medical) with Date Of Injury(DN0031) &gt;= 2/01/2014 previously filed on paper. These claims are based on Date Claim Administrator Had (Notice or) Knowledge of the Injury (DN0041) prior to Trading Partner Production Date.
Note: OKWCC expects the FROI UR report submissions to be completed by 11/1/18.. </t>
  </si>
  <si>
    <t xml:space="preserve">The entire claim is being denied. 
RE: The entire claim is being denied after any FROI or any SROI has been filed. </t>
  </si>
  <si>
    <t xml:space="preserve">Legacy Claims with Existing Payments for Open Claims and/or Re-Open Claims with Date Of Injury (DN0031)  &gt;= 2/01/2014 where a FROI UR has been filed: File a SROI MTC UR as the first SROI filed following the FROI MTC UR when payments exist on the legacy claim. Following the SROI MTC UR that is in TA acknowledgment status, any SROI MTC can follow where the next SROI MTC would be the SROI that reflects the next action needed on the claim(s). Normal sequencing will apply to the MTC that follows the SROI MTC UR. (Note: If the SROI MTC UR is in TE acknowledgment status, a SROI MTC CO should be sent to resolve the error(s).)  Note: The SROI UR requirements are similar to a periodic (sweep) so that OKWCC can receive the current payment information, see Element Requirement Table SROI with MTC UR. 
Notes: 
OKWCC expects the FROI UR report submissions to be completed by 11/1/18.. 
Existing Payments: Any payments including Benefits and Other Benefits. </t>
  </si>
  <si>
    <t>A first report of injury must be submitted for an employee when the employer has received notice or knowledge that the employee has sustained an injury that results in lost time beyond the shift or medical attention away from the work site.</t>
  </si>
  <si>
    <t>Claim Administrator denies entire compensability of the claim after initial disposition of a compensable Medical Only Case.  Investigation determined that the claim was not compensable. 
NOTE: This FROI MTC 04 filing is sent with Claim Type Code of M.</t>
  </si>
  <si>
    <t>Grandfathered: Submitted in response to a specific request from the Jurisdiction, and manually triggered by the Claim Administrator. Jurisdictions who used the UR Upon Request for a purpose other than legacy reporting prior to the adoption of the new definition are grandfathered in allowing the continued usage of the UR Upon Request in that manner per the jurisdictions event table. A grandfathered jurisdiction may not adopt the new usage of the UR Update Report unless they no longer accept the prior usage UR Upon Request.</t>
  </si>
  <si>
    <t>new mtc, does OKWCC need this?--NO ; It was discussed that we would prefer for CA acquiring claim to make determination of which MTC  they should  file and should they have any questions, they can contact the OK WCC EDI Support Team at okwccedi@iso.com</t>
  </si>
  <si>
    <t>ER Employer Reinstatement – The employer has resumed paying the injured employee’s salary in lieu of compensation after a suspension of benefits, and the claim administrator is not paying any indemnity benefits at this time.
DP Rule: A previous subsequent report has been filed with a Maintenance Type Code of EP.</t>
  </si>
  <si>
    <t>Submitted at timeframe(s) as defined on the jurisdiction’s Event Table. Periodic Reports are subsequent Reports that commence and terminate according to Trading Partner Table options, and repeat at specified intervals during the period.</t>
  </si>
  <si>
    <t>Submitted at yearly intervals based on the report trigger criteria column located on the jurisdiction’s Event Table. Periodic Reports are subsequent Reports that commence and terminate according to Trading Partner Table options, and repeat at specified intervals during the period.</t>
  </si>
  <si>
    <t>Submitted at two-month intervals based on the report trigger criteria column located on the jurisdiction’s Event Table. Periodic Reports are subsequent Reports that commence and terminate according to Trading Partner Table options, and repeat at specified intervals during the period.</t>
  </si>
  <si>
    <t>Submitted at two-week intervals based on the report trigger criteria column located on the jurisdiction’s Event Table. Periodic Reports are subsequent Reports that commence and terminate according to Trading Partner Table options, and repeat at specified intervals during the period.</t>
  </si>
  <si>
    <t>Submitted at one-month intervals based on the report trigger criteria column located on the jurisdiction’s Event Table. Periodic Reports are subsequent Reports that commence and terminate according to Trading Partner Table options, and repeat at specified intervals during the period.</t>
  </si>
  <si>
    <t>Submitted at three-month intervals based on the report trigger criteria column located on the jurisdiction’s Event Table. Periodic Reports are subsequent Reports that commence and terminate according to Trading Partner Table options, and repeat at specified intervals during the period.</t>
  </si>
  <si>
    <r>
      <t xml:space="preserve">Claim Administrator acquires an </t>
    </r>
    <r>
      <rPr>
        <u/>
        <sz val="10"/>
        <rFont val="Calibri"/>
        <family val="2"/>
        <scheme val="minor"/>
      </rPr>
      <t>open</t>
    </r>
    <r>
      <rPr>
        <b/>
        <u/>
        <sz val="10"/>
        <rFont val="Calibri"/>
        <family val="2"/>
        <scheme val="minor"/>
      </rPr>
      <t xml:space="preserve"> </t>
    </r>
    <r>
      <rPr>
        <sz val="10"/>
        <rFont val="Calibri"/>
        <family val="2"/>
        <scheme val="minor"/>
      </rPr>
      <t>claim is required to submit an AU when an AQ was submitted and receives a TR (transaction rejected) because there is no claim match on database.</t>
    </r>
  </si>
  <si>
    <r>
      <t xml:space="preserve">A = </t>
    </r>
    <r>
      <rPr>
        <i/>
        <sz val="10"/>
        <rFont val="Calibri"/>
        <family val="2"/>
        <scheme val="minor"/>
      </rPr>
      <t>duration</t>
    </r>
    <r>
      <rPr>
        <sz val="10"/>
        <rFont val="Calibri"/>
        <family val="2"/>
        <scheme val="minor"/>
      </rPr>
      <t xml:space="preserve"> from claim closure</t>
    </r>
  </si>
  <si>
    <t xml:space="preserve">OKWCC is expecting reporting for claims where Date Of Injury (DN0031) is greater (later) than or equal to 2/01/2014. This applies to all FROI and SROI MTC’s reported. To communicate this further, OKWCC is adding the following to the 'NOTE FOR OKWCC' on the FROI Event Table description. 
NOTE FOR OKWCC: 85A O.S. §63 requires the employer to send a report within ten (10) days of notice or knowledge of an injury or illness for reports with Date Of Injury (DN0031) &gt;= 2/01/2014. If a closed claim has a Date of Injury prior to 2/01/2014 and now re-opens, then the claim should be handled with the Court of Existing Claims.
</t>
  </si>
  <si>
    <r>
      <rPr>
        <b/>
        <sz val="10"/>
        <rFont val="Calibri"/>
        <family val="2"/>
        <scheme val="minor"/>
      </rPr>
      <t xml:space="preserve">Not needed for OKWCC:
IAIABC has added to the Instructions:  </t>
    </r>
    <r>
      <rPr>
        <sz val="10"/>
        <rFont val="Calibri"/>
        <family val="2"/>
        <scheme val="minor"/>
      </rPr>
      <t xml:space="preserve">J = Jurisdiction Defined </t>
    </r>
    <r>
      <rPr>
        <i/>
        <sz val="10"/>
        <rFont val="Calibri"/>
        <family val="2"/>
        <scheme val="minor"/>
      </rPr>
      <t>Trigger Criteria</t>
    </r>
    <r>
      <rPr>
        <sz val="10"/>
        <rFont val="Calibri"/>
        <family val="2"/>
        <scheme val="minor"/>
      </rPr>
      <t xml:space="preserve"> should be used describe conditions that cause a FROI or SROI report to be due based on the value of:
     • Award/Order Date (DN0299) 
     • Injury Severity Type Code (DN0229)
 </t>
    </r>
  </si>
  <si>
    <r>
      <rPr>
        <b/>
        <sz val="10"/>
        <rFont val="Calibri"/>
        <family val="2"/>
        <scheme val="minor"/>
      </rPr>
      <t>IAIABC has added to the Instructions:</t>
    </r>
    <r>
      <rPr>
        <sz val="10"/>
        <rFont val="Calibri"/>
        <family val="2"/>
        <scheme val="minor"/>
      </rPr>
      <t xml:space="preserve"> Added example to instructions for FROI and SROI: Added Statute to allow the jurisdiction to indicate a Statute if applicable to a specific Event. </t>
    </r>
    <r>
      <rPr>
        <b/>
        <sz val="10"/>
        <rFont val="Calibri"/>
        <family val="2"/>
        <scheme val="minor"/>
      </rPr>
      <t xml:space="preserve">
Change will be made when applicable: OKWCC FROI, SROI, Periodic: </t>
    </r>
    <r>
      <rPr>
        <sz val="10"/>
        <rFont val="Calibri"/>
        <family val="2"/>
        <scheme val="minor"/>
      </rPr>
      <t>Add Statute to allow the jurisdiction to indicate a Statute if applicable to a specific Event.</t>
    </r>
  </si>
  <si>
    <t xml:space="preserve">OKWCC is revising the note for the FROI MTC UR Event. Note: OKWCC expects the FROI UR report submissions to be completed by 11/1/18. </t>
  </si>
  <si>
    <t>FROI and SROI Event Table</t>
  </si>
  <si>
    <r>
      <rPr>
        <b/>
        <sz val="10"/>
        <rFont val="Calibri"/>
        <family val="2"/>
        <scheme val="minor"/>
      </rPr>
      <t>IAIABC has added a new SROI MTC SU. OKWCC will not accept SROI MTC SU.
IAIABC has added to the Instructions</t>
    </r>
    <r>
      <rPr>
        <sz val="10"/>
        <rFont val="Calibri"/>
        <family val="2"/>
        <scheme val="minor"/>
      </rPr>
      <t>:  Added example to instructions for SROI for: Add Report Trigger Criteria Codes :V = SU Sync Up</t>
    </r>
    <r>
      <rPr>
        <b/>
        <sz val="10"/>
        <rFont val="Calibri"/>
        <family val="2"/>
        <scheme val="minor"/>
      </rPr>
      <t xml:space="preserve">
OKWCC Form to MTC Crosswalk:</t>
    </r>
    <r>
      <rPr>
        <sz val="10"/>
        <rFont val="Calibri"/>
        <family val="2"/>
        <scheme val="minor"/>
      </rPr>
      <t xml:space="preserve"> Add new Maintenance Type Code: SU Sync Up. Will this report be accepted electronically?  No
</t>
    </r>
    <r>
      <rPr>
        <b/>
        <sz val="10"/>
        <rFont val="Calibri"/>
        <family val="2"/>
        <scheme val="minor"/>
      </rPr>
      <t>OKWCC SROI Table:</t>
    </r>
    <r>
      <rPr>
        <sz val="10"/>
        <rFont val="Calibri"/>
        <family val="2"/>
        <scheme val="minor"/>
      </rPr>
      <t xml:space="preserve"> Added to stay in sync with IAIABC tables, a new Report Trigger Criteria Code V = SU Sync Up to be used with MTC SU Sync Up only for a jurisdiction to communicate their reporting criteria. For example a jurisdiction may use V = SU Sync Up to: Describe frequency limitations</t>
    </r>
  </si>
  <si>
    <t xml:space="preserve">Add new Maintenance Type Code DN0002: UR Update Report. OKWCC will now use FROI and SROI MTC UR Update Report and will no longer use the FROI and SROI MTC UR Upon Request: Grandfathered. The event that was previously defined for FROI and SROI MTC UR Upon Request: Grandfathered is the same for OKWCC as and will now be used for FROI and SROI MTC UR Update Report.
UPDATES:
1) Form To MTC Crosswalk: FROI and SROI MTC UR Upon Request: Grandfathered: Will this report be accepted electronically? (Yes/No) = NO
FROI and SROI MTC UR Update Report: Will this report be accepted electronically? (Yes/No) = YES
2) Update FROI Event: Set to NA: FROI MTC UR Upon Request: Grandfathered and provide event for FROI MTC UR Update Report which is the same as the previous FROI MTC UR Upon Request: Grandfathered event.
3) Update SROI Event: Set to NA: SROI MTC UR Upon Request: Grandfathered and provide event for SROI MTC UR Update Report which is the same as the previous SROI MTC UR Upon Request: Grandfathered event.
</t>
  </si>
  <si>
    <t>EVT 1.3.23</t>
  </si>
  <si>
    <t>IAIABC Change to remove SROI MTC RE</t>
  </si>
  <si>
    <t>Remove Event</t>
  </si>
  <si>
    <t>TBD</t>
  </si>
  <si>
    <t>SROI RE Reduced Earnings accepted</t>
  </si>
  <si>
    <t>Remove SROI RE Reduced Earnings
Removing the SROI MTC RE (Reduced Earnings) due to IAIABC Change to remove SROI MTC RE</t>
  </si>
  <si>
    <t>EVT 1.3.24</t>
  </si>
  <si>
    <t>Remove SROI RE Reduced Earnings
Removing the SROI MTC RE (Reduced Earnings) due to IAIABC Change to Set  Will this report be accepted electronically? (Yes/No) = NO for  SROI MTC RE
Also remove the information under the Paper Equivalent Form(s) column.</t>
  </si>
  <si>
    <r>
      <rPr>
        <b/>
        <sz val="10"/>
        <rFont val="Calibri"/>
        <family val="2"/>
        <scheme val="minor"/>
      </rPr>
      <t xml:space="preserve">IAIABC has added a new SROI MTC NT. OKWCC will accept SROI MTC NT. 
IAIABC has added to the Instructions:  </t>
    </r>
    <r>
      <rPr>
        <sz val="10"/>
        <rFont val="Calibri"/>
        <family val="2"/>
        <scheme val="minor"/>
      </rPr>
      <t xml:space="preserve">Added example to instructions for SROI to illustrate how new U = Narrative </t>
    </r>
    <r>
      <rPr>
        <i/>
        <sz val="10"/>
        <rFont val="Calibri"/>
        <family val="2"/>
        <scheme val="minor"/>
      </rPr>
      <t>Trigger Criteria</t>
    </r>
    <r>
      <rPr>
        <sz val="10"/>
        <rFont val="Calibri"/>
        <family val="2"/>
        <scheme val="minor"/>
      </rPr>
      <t xml:space="preserve"> is used.</t>
    </r>
    <r>
      <rPr>
        <b/>
        <sz val="10"/>
        <rFont val="Calibri"/>
        <family val="2"/>
        <scheme val="minor"/>
      </rPr>
      <t xml:space="preserve">
OKWCC Form to MTC Crosswalk:  </t>
    </r>
    <r>
      <rPr>
        <sz val="10"/>
        <rFont val="Calibri"/>
        <family val="2"/>
        <scheme val="minor"/>
      </rPr>
      <t>Add new Maintenance Type Code: MTC: NT – NARRATIVE 
Will this report be accepted electronically?  Yes</t>
    </r>
    <r>
      <rPr>
        <b/>
        <sz val="10"/>
        <rFont val="Calibri"/>
        <family val="2"/>
        <scheme val="minor"/>
      </rPr>
      <t xml:space="preserve">
OKWCC SROI Table:  </t>
    </r>
    <r>
      <rPr>
        <sz val="10"/>
        <rFont val="Calibri"/>
        <family val="2"/>
        <scheme val="minor"/>
      </rPr>
      <t xml:space="preserve">Added a new Report Trigger Criteria Code U = Narrative to be used with MTC NT Narrative only for a jurisdiction to communicate their reporting criteria. For example a jurisdiction may use U = Narrative-Trigger Criteria to: Request a narrative for a specific purpose </t>
    </r>
  </si>
  <si>
    <r>
      <rPr>
        <b/>
        <sz val="10"/>
        <rFont val="Calibri"/>
        <family val="2"/>
        <scheme val="minor"/>
      </rPr>
      <t>IAIABC has added to the Instructions:</t>
    </r>
    <r>
      <rPr>
        <sz val="10"/>
        <rFont val="Calibri"/>
        <family val="2"/>
        <scheme val="minor"/>
      </rPr>
      <t xml:space="preserve">  described the new </t>
    </r>
    <r>
      <rPr>
        <i/>
        <sz val="10"/>
        <rFont val="Calibri"/>
        <family val="2"/>
        <scheme val="minor"/>
      </rPr>
      <t>Report Trigger Criteria codes</t>
    </r>
    <r>
      <rPr>
        <sz val="10"/>
        <rFont val="Calibri"/>
        <family val="2"/>
        <scheme val="minor"/>
      </rPr>
      <t xml:space="preserve"> and provided scenarios to illustrate how the new codes should be used.
IAIABC has modified </t>
    </r>
    <r>
      <rPr>
        <b/>
        <sz val="10"/>
        <rFont val="Calibri"/>
        <family val="2"/>
        <scheme val="minor"/>
      </rPr>
      <t xml:space="preserve">FROI, SROI: </t>
    </r>
    <r>
      <rPr>
        <sz val="10"/>
        <rFont val="Calibri"/>
        <family val="2"/>
        <scheme val="minor"/>
      </rPr>
      <t xml:space="preserve">replaced Report Trigger Criteria Code C = Lost Time with the codes below so jurisdictions can clarify how lost time is determined.:
CM = Lost Time - cumulative days
CV = Lost Time - consecutive days
</t>
    </r>
    <r>
      <rPr>
        <sz val="10"/>
        <color rgb="FFFF0000"/>
        <rFont val="Calibri"/>
        <family val="2"/>
        <scheme val="minor"/>
      </rPr>
      <t xml:space="preserve">
OKWCC does not use 'C' Trigger Criteria.
Added the new codes to the legend at the bottom on the FROI SROI Tables.</t>
    </r>
  </si>
  <si>
    <r>
      <rPr>
        <b/>
        <sz val="10"/>
        <rFont val="Calibri"/>
        <family val="2"/>
        <scheme val="minor"/>
      </rPr>
      <t>OKWCC does not accept SROI AC.</t>
    </r>
    <r>
      <rPr>
        <sz val="10"/>
        <rFont val="Calibri"/>
        <family val="2"/>
        <scheme val="minor"/>
      </rPr>
      <t xml:space="preserve"> OKWCC SROI:  Add new and hide the row for Maintenance Type Code: AC Acquisition/Indemnity Ceased</t>
    </r>
    <r>
      <rPr>
        <b/>
        <sz val="10"/>
        <rFont val="Calibri"/>
        <family val="2"/>
        <scheme val="minor"/>
      </rPr>
      <t xml:space="preserve">
IAIABC has added to the Instructions:</t>
    </r>
    <r>
      <rPr>
        <sz val="10"/>
        <rFont val="Calibri"/>
        <family val="2"/>
        <scheme val="minor"/>
      </rPr>
      <t xml:space="preserve"> added instructions on how to use new </t>
    </r>
    <r>
      <rPr>
        <i/>
        <sz val="10"/>
        <rFont val="Calibri"/>
        <family val="2"/>
        <scheme val="minor"/>
      </rPr>
      <t xml:space="preserve">Report Trigger Criteria </t>
    </r>
    <r>
      <rPr>
        <sz val="10"/>
        <rFont val="Calibri"/>
        <family val="2"/>
        <scheme val="minor"/>
      </rPr>
      <t xml:space="preserve">S = AC Acquisition/Indemnity Ceased.  Provided scenario to illustrate how to describe jurisdiction reporting requirements using the new codes.
</t>
    </r>
    <r>
      <rPr>
        <b/>
        <sz val="10"/>
        <rFont val="Calibri"/>
        <family val="2"/>
        <scheme val="minor"/>
      </rPr>
      <t/>
    </r>
  </si>
  <si>
    <t>OKWCC
Implementation Date</t>
  </si>
  <si>
    <t>Worksheet Changed</t>
  </si>
  <si>
    <t>FROI &amp; SROI</t>
  </si>
  <si>
    <t>Clarify the Event</t>
  </si>
  <si>
    <t>R = 02 Change timeline: FROI 02 is due when a reportable change* occurs on the Claim Administrator’s database until Report Trigger Value is reached</t>
  </si>
  <si>
    <t>For FROI and SROI MTC 02 (Change) added the Jurisdiction Defined information.</t>
  </si>
  <si>
    <t>EVT 1.4.1</t>
  </si>
  <si>
    <t>R = 02 Change timeline: SROI 02 is due when a reportable change* occurs on the Claim Administrator’s database until Report Trigger Value is reached</t>
  </si>
  <si>
    <t>A change is recognized and initiated by the Claim Administrator when a data element identified on the Element Requirement Table has been altered in the Claim Administrator’s database.
If the specific data element is Added, Updated or Removed, or the variable segment is Deleted then the Claim Administrators should then communicate the changes via the Change Variable Segment consisting of Change Data Element/Segment Number (DN0412) and Change Reason Code (DN0413).
OKWCC has indicated on the Element Requirement Table if they do or do not expect an 02 Change.
B = 2 years from last accepted FN</t>
  </si>
  <si>
    <t>Report Trigger Criteria: R = 02 Change timeline: FROI 02 is due when a reportable change* occurs on the Claim Administrator’s database until Report Trigger Value is reached
Trigger Value: For FROI and SROI MTC 02 (Change) added: 
B = 2 years from last accepted FN</t>
  </si>
  <si>
    <t>Clarification to indicate that OKWCC will accept 02 Change B = 2 years from last accepted FN</t>
  </si>
  <si>
    <t>Version 1.4 changes are included below.</t>
  </si>
  <si>
    <t>EVT 1.4.2</t>
  </si>
  <si>
    <r>
      <rPr>
        <b/>
        <sz val="10"/>
        <rFont val="Calibri"/>
        <family val="2"/>
        <scheme val="minor"/>
      </rPr>
      <t xml:space="preserve">IAIABC has added to the Instructions: </t>
    </r>
    <r>
      <rPr>
        <sz val="10"/>
        <rFont val="Calibri"/>
        <family val="2"/>
        <scheme val="minor"/>
      </rPr>
      <t xml:space="preserve">Added instructions and scenarios to illustrate how to use the </t>
    </r>
    <r>
      <rPr>
        <i/>
        <sz val="10"/>
        <rFont val="Calibri"/>
        <family val="2"/>
        <scheme val="minor"/>
      </rPr>
      <t>Report Trigger Criteria Codes</t>
    </r>
    <r>
      <rPr>
        <sz val="10"/>
        <rFont val="Calibri"/>
        <family val="2"/>
        <scheme val="minor"/>
      </rPr>
      <t xml:space="preserve"> to describe FROI and SROI denial reporting requirements. 
</t>
    </r>
    <r>
      <rPr>
        <b/>
        <sz val="10"/>
        <rFont val="Calibri"/>
        <family val="2"/>
        <scheme val="minor"/>
      </rPr>
      <t>OKWCC: Form to MTC Crosswalk:</t>
    </r>
    <r>
      <rPr>
        <sz val="10"/>
        <rFont val="Calibri"/>
        <family val="2"/>
        <scheme val="minor"/>
      </rPr>
      <t xml:space="preserve">  Added the FROI and SROI 04 information that is communicated in the definition and DP Rules to allow the Jurisdiction to indicate how they expect a FROI 04 and SROI 04 to be reported.</t>
    </r>
    <r>
      <rPr>
        <b/>
        <sz val="10"/>
        <rFont val="Calibri"/>
        <family val="2"/>
        <scheme val="minor"/>
      </rPr>
      <t xml:space="preserve">
OKWCC FROI, SROI: </t>
    </r>
    <r>
      <rPr>
        <sz val="10"/>
        <rFont val="Calibri"/>
        <family val="2"/>
        <scheme val="minor"/>
      </rPr>
      <t>Added new Criteria Codes to allow the Jurisdiction to indicate how they expect a FROI 04 and SROI 04 to be reported.</t>
    </r>
  </si>
  <si>
    <t>Change Event for FROI 00 Event: 
When there is a subsequent first report (FROI) for a claim that was previously denied in its entirety (FROI 04). Claim is no longer denied. The FROI 00 should be submitted prior to a SROI report.</t>
  </si>
  <si>
    <t>Change Event for FROI 00 Event: 
A FROI 00 should be filed if a claim that was previously denied in its entirety (FROI 04) has now been accepted (Claim is no longer denied), unless a SROI is being reported to report an initial payment or its equivalent.</t>
  </si>
  <si>
    <t>Allow a SROI after a denial if payments are made.</t>
  </si>
  <si>
    <t xml:space="preserve">SROI PY Payment Report 
M - MTC Defined 
First payment of Other Benefit Type Codes for medical, funeral, penalty, and attorney fees. </t>
  </si>
  <si>
    <t>OKWCC
Implementation Date for Testing</t>
  </si>
  <si>
    <t>Remove the Event</t>
  </si>
  <si>
    <t>EVT 1.4.3</t>
  </si>
  <si>
    <t xml:space="preserve">Remove this SROI MTC PY Payment Report Event:
SROI PY Payment Report 
M - MTC Defined 
First payment of Other Benefit Type Codes for medical, funeral, penalty, and attorney fees. </t>
  </si>
  <si>
    <t>Version 1.5 changes are included below.</t>
  </si>
  <si>
    <t>EVT 1.5.1</t>
  </si>
  <si>
    <t>For both FROI and SROI UR (Update Report), OKWCC has added the following to the 'Report Trigger'  for clarification and to allow EDI reporting on a claim when a claim is reopened after 11/1/18:
If a claim re-opens after 11/1/18, then the same Report Trigger shown above should be followed.</t>
  </si>
  <si>
    <t>Clarification</t>
  </si>
  <si>
    <t>To allow EDI reporting on a claim when a claim is reopened after 11/1/18:</t>
  </si>
  <si>
    <t>J-Within 15 days from the due date =  every six months from the DN0031 Date of Injury until Claim Closure.</t>
  </si>
  <si>
    <t>EVT 1.5.2</t>
  </si>
  <si>
    <t>Legacy Claims : All open and re-opened claims (including indemnity and medical) with Date Of Injury(DN0031) &gt;= 2/01/2014 previously filed on paper. These claims are based on Date Claim Administrator Had (Notice or) Knowledge of the Injury (DN0041) prior to Trading Partner Production Date.
Note: OKWCC expects the FROI UR report submissions to be completed by 11/1/18 for these claims. If a claim re-opens after 11/1/18, then the same Report Trigger shown above should be followed.</t>
  </si>
  <si>
    <t xml:space="preserve">Legacy Claims with Existing Payments for Open Claims and/or Re-Open Claims with Date Of Injury (DN0031)  &gt;= 2/01/2014 where a FROI UR has been filed: File a SROI MTC UR as the first SROI filed following the FROI MTC UR when payments exist on the legacy claim. Following the SROI MTC UR that is in TA acknowledgment status, any SROI MTC can follow where the next SROI MTC would be the SROI that reflects the next action needed on the claim(s). Normal sequencing will apply to the MTC that follows the SROI MTC UR. (Note: If the SROI MTC UR is in TE acknowledgment status, a SROI MTC CO should be sent to resolve the error(s).)  Note: The SROI UR requirements are similar to a periodic (sweep) so that OKWCC can receive the current payment information, see Element Requirement Table SROI with MTC UR. 
Notes: 
OKWCC expects the SROI UR report submissions to be completed by 11/1/18 for these claims. If a claim re-opens after 11/1/18, then the same Report Trigger shown above should be followed.
Existing Payments: Any payments including Benefits and Other Benefits. </t>
  </si>
  <si>
    <r>
      <t>FROI 00 (Original) for Paper Equivalent Form(s)CC-FORM-2: EMPLOYER'S FIRST NOTICE OF INJURY Applicable to Injuries/Deaths occurring On or After 2/1/14
CC-FORM-2: EMPLOYER'S FIRST NOTICE OF INJURY
Applicable to Injuries/Deaths occurring On or After 2/1/14
Send original to Workers’ Compensation Commission and 1 copy to Insurance Carrier
A CC-Form 2 must be sent to the Workers’ Compensation Commission and to the employer’s workers’ compensation insurance carrier within 10 days after the date of receipt of notice or knowledge of death or injury that results in</t>
    </r>
    <r>
      <rPr>
        <sz val="10"/>
        <color rgb="FFFF0000"/>
        <rFont val="Calibri"/>
        <family val="2"/>
        <scheme val="minor"/>
      </rPr>
      <t xml:space="preserve"> more than three days’ absence from work</t>
    </r>
    <r>
      <rPr>
        <sz val="10"/>
        <rFont val="Calibri"/>
        <family val="2"/>
        <scheme val="minor"/>
      </rPr>
      <t xml:space="preserve"> for the injured employee. Revised 2-2-16</t>
    </r>
  </si>
  <si>
    <r>
      <t xml:space="preserve">Modify FROI 00 (Original) for Paper Equivalent Form(s)CC-FORM-2: EMPLOYER'S FIRST NOTICE OF INJURY Applicable to Injuries/Deaths occurring On or After 2/1/14 to add the red text shown below.
CC-FORM-2: EMPLOYER'S FIRST NOTICE OF INJURY
Applicable to Injuries/Deaths occurring On or After 2/1/14
Send original to Workers’ Compensation Commission and 1 copy to Insurance Carrier
A CC-Form 2 must be sent to the Workers’ Compensation Commission and to the employer’s workers’ compensation insurance carrier within 10 days after the date of receipt of notice or knowledge of death or injury that results in </t>
    </r>
    <r>
      <rPr>
        <sz val="10"/>
        <color rgb="FFFF0000"/>
        <rFont val="Calibri"/>
        <family val="2"/>
        <scheme val="minor"/>
      </rPr>
      <t xml:space="preserve">lost time beyond the shift or medical attention away from the work site </t>
    </r>
    <r>
      <rPr>
        <strike/>
        <sz val="10"/>
        <color rgb="FFFF0000"/>
        <rFont val="Calibri"/>
        <family val="2"/>
        <scheme val="minor"/>
      </rPr>
      <t>more than three days’ absence from work</t>
    </r>
    <r>
      <rPr>
        <sz val="10"/>
        <rFont val="Calibri"/>
        <family val="2"/>
        <scheme val="minor"/>
      </rPr>
      <t xml:space="preserve"> for the injured employee. Revised 2-2-16</t>
    </r>
  </si>
  <si>
    <r>
      <t>CC-FORM-2: EMPLOYER'S FIRST NOTICE OF INJURY
Applicable to Injuries/Deaths occurring On or After 2/1/14
Send original to Workers’ Compensation Commission and 1 copy to Insurance Carrier
A CC-Form 2 must be sent to the Workers’ Compensation Commission and to the employer’s workers’ compensation insurance carrier within 10 days after the date of receipt of notice or knowledge of death or injury that results in lost time beyond the shift or medical attention away from the work site</t>
    </r>
    <r>
      <rPr>
        <sz val="10"/>
        <rFont val="Calibri"/>
        <family val="2"/>
        <scheme val="minor"/>
      </rPr>
      <t xml:space="preserve"> for the injured employee. Revised 2-2-16</t>
    </r>
  </si>
  <si>
    <t>Claim Administrator has identified that
the Benefit Type Code (DN0085) has changed from the previously reported Benefit Type Code without a break in continuity of benefits (SX or 04) .</t>
  </si>
  <si>
    <t xml:space="preserve">SROI </t>
  </si>
  <si>
    <t>EVT 1.5.3</t>
  </si>
  <si>
    <t xml:space="preserve">Added Note to Row 2: Any reference to a "break in the continuity of benefits" means an SX or 04 was previously accepted. </t>
  </si>
  <si>
    <t xml:space="preserve">(Row 2) Interpreting the jurisdiction's requirements:  </t>
  </si>
  <si>
    <t>EVT 1.5.4</t>
  </si>
  <si>
    <t>SROI CB</t>
  </si>
  <si>
    <r>
      <t xml:space="preserve">Claim Administrator has identified that
the Benefit Type Code (DN0085) has changed from the previously reported Benefit Type Code without a break in continuity of benefits </t>
    </r>
    <r>
      <rPr>
        <sz val="10"/>
        <color rgb="FFFF0000"/>
        <rFont val="Calibri"/>
        <family val="2"/>
        <scheme val="minor"/>
      </rPr>
      <t>(SX or 04) .</t>
    </r>
  </si>
  <si>
    <t>Employer previously paid salary in lieu of compensation (EP with Benefit Type Code 2xx) and is now paying salary in lieu of compensation again after the claim administrator either began paying (IP with Benefit Type Code 0xx);
 or reinstated benefits (RB with Benefit Type Code 0xx), without a break in continuity of benefits (Sx). 
If the Benefit Type Code is being corrected in response to a TE, the CO MTC is used.</t>
  </si>
  <si>
    <r>
      <t xml:space="preserve">Employer previously paid salary in lieu of compensation (EP with Benefit Type Code 2xx) and is now paying salary in lieu of compensation again after the claim administrator either began paying (IP with Benefit Type Code 0xx) </t>
    </r>
    <r>
      <rPr>
        <sz val="10"/>
        <color rgb="FFFF0000"/>
        <rFont val="Calibri"/>
        <family val="2"/>
        <scheme val="minor"/>
      </rPr>
      <t>e.g. (EP, IP, CB-2xx);</t>
    </r>
    <r>
      <rPr>
        <sz val="10"/>
        <rFont val="Calibri"/>
        <family val="2"/>
        <scheme val="minor"/>
      </rPr>
      <t xml:space="preserve">
</t>
    </r>
    <r>
      <rPr>
        <sz val="10"/>
        <color rgb="FFFF0000"/>
        <rFont val="Calibri"/>
        <family val="2"/>
        <scheme val="minor"/>
      </rPr>
      <t xml:space="preserve"> or employer is now paying salary in lieu of compensation after 0xx benefits have been reinstated (RB with Benefit Type Code 0xx), </t>
    </r>
    <r>
      <rPr>
        <b/>
        <strike/>
        <sz val="10"/>
        <color rgb="FFFF0000"/>
        <rFont val="Calibri"/>
        <family val="2"/>
        <scheme val="minor"/>
      </rPr>
      <t>without a break in continuity of benefits (Sx).</t>
    </r>
    <r>
      <rPr>
        <sz val="10"/>
        <color rgb="FFFF0000"/>
        <rFont val="Calibri"/>
        <family val="2"/>
        <scheme val="minor"/>
      </rPr>
      <t xml:space="preserve"> e.g. (EP, IP, SX, RB-0xx, CB-2xx). </t>
    </r>
    <r>
      <rPr>
        <sz val="10"/>
        <rFont val="Calibri"/>
        <family val="2"/>
        <scheme val="minor"/>
      </rPr>
      <t xml:space="preserve">
If the Benefit Type Code is being corrected in response to a TE, the CO MTC is used.</t>
    </r>
  </si>
  <si>
    <r>
      <t xml:space="preserve">Employer previously paid salary in lieu of compensation (EP with Benefit Type Code 2xx) and is now paying salary in lieu of compensation again after the claim administrator either began paying (IP with Benefit Type Code 0xx) e.g. (EP, IP, CB-2xx);
or employer is now paying salary in lieu of compensation after 0xx benefits have been reinstated (RB with Benefit Type Code 0xx), </t>
    </r>
    <r>
      <rPr>
        <sz val="10"/>
        <rFont val="Calibri"/>
        <family val="2"/>
        <scheme val="minor"/>
      </rPr>
      <t>e.g. (EP, IP, SX, RB-0xx, CB-2xx). 
If the Benefit Type Code is being corrected in response to a TE, the CO MTC is used.</t>
    </r>
  </si>
  <si>
    <t>EVT 1.5.5</t>
  </si>
  <si>
    <r>
      <t xml:space="preserve">Full Suspension – All payment(s) of indemnity benefits have stopped, </t>
    </r>
    <r>
      <rPr>
        <sz val="10"/>
        <color rgb="FFFF0000"/>
        <rFont val="Calibri"/>
        <family val="2"/>
        <scheme val="minor"/>
      </rPr>
      <t>even if the employee is currently eligible for 070 benefits but is not entitled to payment at this time.</t>
    </r>
    <r>
      <rPr>
        <sz val="10"/>
        <rFont val="Calibri"/>
        <family val="2"/>
        <scheme val="minor"/>
      </rPr>
      <t xml:space="preserve">
Report the appropriate DN0418 Suspension Reason Code - Full, 
OKWCC accepts: S1 S2 S3 S4 S5 S6 S7 S8 SD SJ.
S9 is not accepted.</t>
    </r>
  </si>
  <si>
    <t>EVT 1.5.6</t>
  </si>
  <si>
    <t>SROI SX</t>
  </si>
  <si>
    <t>EVT 1.5.7</t>
  </si>
  <si>
    <t>Clarify the FROI UR Event.</t>
  </si>
  <si>
    <t>EVT 1.5.8</t>
  </si>
  <si>
    <t>Add FROI 00 Event for Legacy Claims</t>
  </si>
  <si>
    <t>EVT 1.5.9</t>
  </si>
  <si>
    <t>23 - UR</t>
  </si>
  <si>
    <t>Add SROI UR Event for Legacy Claims</t>
  </si>
  <si>
    <t>34-UR</t>
  </si>
  <si>
    <t>00, 04, UI, AU</t>
  </si>
  <si>
    <t>Original, Denial, Under Investigation, Acquired/
Unallocated</t>
  </si>
  <si>
    <t>7-00, 04, UI, AU</t>
  </si>
  <si>
    <t>Add a new Legacy Claim SROI Event. When a CC-FORM-2: EMPLOYER'S FIRST NOTICE OF INJURY was not properly filed then OKWCC will allow a FROI followed by a SROI UR followed by normal sequencing if Date of Injury (DN0031)  &gt;= 2/01/2014. These claims are based on the applicable FROI MTC reported with the Date Claim Administrator Had (Notice or) Knowledge of the Injury (DN0041) prior to 9/1/2018.</t>
  </si>
  <si>
    <t>Add a new FROI Event to allow reporting on Legacy Claims if a CC-FORM-2: EMPLOYER'S FIRST NOTICE OF INJURY was not properly filed. These claims are based on the applicable FROI MTC reported with the Date Claim Administrator Had (Notice or) Knowledge of the Injury (DN0041) prior to 9/1/2018.</t>
  </si>
  <si>
    <t>Clarify the FROI UR Event. Prior paper form reporting the injury must have been properly filed on a CC-FORM-2 if Date of Injury (DN0031)  &gt;= 2/01/2014. These claims are based on the applicable FROI MTC reported with the Date Claim Administrator Had (Notice or) Knowledge of the Injury (DN0041) prior to 9/1/2018.</t>
  </si>
  <si>
    <t>Legacy Claims with NO Existing Payments for Open Claims and/or Re-Open Claims with Date of Injury (DN0031) &gt;= 2/01/2014 where a FROI UR has been filed: If a legacy FROI has no payments, then a SROI MTC UR is not required to follow the FROI UR. The normal SROI sequencing rules will apply to allow the first payment and/or other various reports to be the first SROI accepted; for example SROI MTC CD EP IP PY can follow the FROI MTC UR. 
Existing Payments: Any payments including Benefits and Other Benefits.</t>
  </si>
  <si>
    <t xml:space="preserve">New Event for SROI UR Update Report: Event for Legacy Claims with Existing Payments for Open Claims and/or Re-Open Claims with Date of Injury (DN0031)  &gt;= 2/01/2014 where a FROI 00, 04, UI or AU has been filed: File a SROI MTC UR as the first SROI filed following the FROI MTC 00, 04, UI, or AU when applicable payments exist on the legacy claim. 
These claims are based on the applicable FROI MTC reported with the Date Claim Administrator Had (Notice or) Knowledge of the Injury (DN0041) prior to 9/1/2018.
Following the SROI MTC UR that is in TA acknowledgment status, any SROI MTC can follow where the next SROI MTC would be the SROI that reflects the next action needed on the claim(s). Normal sequencing will apply to the MTC that follows the SROI MTC UR. (Note: If the SROI MTC UR is in TE acknowledgment status, a SROI MTC CO should be sent to resolve the error(s).)  Note: The SROI UR requirements are similar to a periodic (sweep) so that OKWCC can receive the current payment information, see Element Requirement Table SROI with MTC UR. 
Notes: 
OKWCC expects the SROI UR report submissions to be completed by 11/1/18 for these claims. If a claim re-opens after 11/1/18, then the same Report Trigger shown above should be followed.
Existing Payments: Any payments including Benefits and Other Benefits. </t>
  </si>
  <si>
    <t xml:space="preserve">Event for Legacy Claims with Existing Payments for Open Claims and/or Re-Open Claims with Date of Injury (DN0031)  &gt;= 2/01/2014 where a FROI 00, 04, UI or AU has been filed: File a SROI MTC UR as the first SROI filed following the FROI MTC 00, 04, UI, or AU when applicable payments exist on the legacy claim. 
These claims are based on the applicable FROI MTC reported with the Date Claim Administrator Had (Notice or) Knowledge of the Injury (DN0041) prior to 9/1/2018.
Following the SROI MTC UR that is in TA acknowledgment status, any SROI MTC can follow where the next SROI MTC would be the SROI that reflects the next action needed on the claim(s). Normal sequencing will apply to the MTC that follows the SROI MTC UR. (Note: If the SROI MTC UR is in TE acknowledgment status, a SROI MTC CO should be sent to resolve the error(s).)  Note: The SROI UR requirements are similar to a periodic (sweep) so that OKWCC can receive the current payment information, see Element Requirement Table SROI with MTC UR. 
Notes: 
OKWCC expects the SROI UR report submissions to be completed by 11/1/18 for these claims. If a claim re-opens after 11/1/18, then the same Report Trigger shown above should be followed.
Existing Payments: Any payments including Benefits and Other Benefits. </t>
  </si>
  <si>
    <r>
      <t xml:space="preserve">Event for Legacy Claims: All open and re-opened claims (including indemnity and medical) with Date of Injury (DN0031) &gt;= 2/01/2014 for which a  paper CC-FORM-2: EMPLOYER'S FIRST NOTICE OF INJURY was required and </t>
    </r>
    <r>
      <rPr>
        <u/>
        <sz val="8"/>
        <rFont val="Calibri"/>
        <family val="2"/>
        <scheme val="minor"/>
      </rPr>
      <t>was not</t>
    </r>
    <r>
      <rPr>
        <sz val="8"/>
        <rFont val="Calibri"/>
        <family val="2"/>
        <scheme val="minor"/>
      </rPr>
      <t xml:space="preserve"> properly filed. These claims are based on Date Claim Administrator Had (Notice or) Knowledge of the Injury (DN0041) prior to 9/1/2018.
Note: Per a change to the  Oklahoma Administrative Code § 810:10-1-4(a)(1), effective 9-11-17, a CC-FORM-2 was required to be sent to the Workers’ Compensation Commission, and to the employer’s workers’ compensation insurance carrier within 10 days after the date of receipt of notice or knowledge of</t>
    </r>
    <r>
      <rPr>
        <u/>
        <sz val="8"/>
        <rFont val="Calibri"/>
        <family val="2"/>
        <scheme val="minor"/>
      </rPr>
      <t xml:space="preserve"> death or injury that results in lost time beyond the shift or medical attention away from the work site for the injured employee. 
Claims currently open and not meeting the above criteria </t>
    </r>
    <r>
      <rPr>
        <sz val="8"/>
        <rFont val="Calibri"/>
        <family val="2"/>
        <scheme val="minor"/>
      </rPr>
      <t xml:space="preserve">with a  Date Claim Administrator Had (Notice or) Knowledge of the Injury (DN0041) prior to the administrative rule change of 9/11/2017 were not required to be filed on a CC-FORM-2 with OKWCC and do not require a FROI UR or any additional EDI filing unless indemnity has been paid. 
Note: If a CC-FORM-2: EMPLOYER'S FIRST NOTICE OF INJURY was required and </t>
    </r>
    <r>
      <rPr>
        <u/>
        <sz val="8"/>
        <rFont val="Calibri"/>
        <family val="2"/>
        <scheme val="minor"/>
      </rPr>
      <t>WAS NOT</t>
    </r>
    <r>
      <rPr>
        <sz val="8"/>
        <rFont val="Calibri"/>
        <family val="2"/>
        <scheme val="minor"/>
      </rPr>
      <t xml:space="preserve"> properly filed with OKWCC, a Legacy Claim would not have been created for which to match to a FROI UR.</t>
    </r>
    <r>
      <rPr>
        <b/>
        <sz val="8"/>
        <rFont val="Calibri"/>
        <family val="2"/>
        <scheme val="minor"/>
      </rPr>
      <t xml:space="preserve"> In this case, the applicable FROI 00, 04, AU or UI should be sent instead of a FROI UR.</t>
    </r>
    <r>
      <rPr>
        <sz val="8"/>
        <rFont val="Calibri"/>
        <family val="2"/>
        <scheme val="minor"/>
      </rPr>
      <t xml:space="preserve">
[OK WCC does not accept the ACORD 4, OSHA 300 or any other form in place of the CC-FORM-2. A CC-FORM-3, CC-FORM-3A and CC-FORM-3B may have been filed with the OKWCC; however, if a CC-FORM 2 was not also filed, a Legacy Claim would not have been created, and a FROI UR will not match.]
</t>
    </r>
    <r>
      <rPr>
        <b/>
        <sz val="8"/>
        <rFont val="Calibri"/>
        <family val="2"/>
        <scheme val="minor"/>
      </rPr>
      <t xml:space="preserve"> </t>
    </r>
    <r>
      <rPr>
        <sz val="8"/>
        <rFont val="Calibri"/>
        <family val="2"/>
        <scheme val="minor"/>
      </rPr>
      <t xml:space="preserve">
If CC-FORM-2: EMPLOYER'S FIRST NOTICE OF INJURY </t>
    </r>
    <r>
      <rPr>
        <u/>
        <sz val="8"/>
        <rFont val="Calibri"/>
        <family val="2"/>
        <scheme val="minor"/>
      </rPr>
      <t>WAS</t>
    </r>
    <r>
      <rPr>
        <sz val="8"/>
        <rFont val="Calibri"/>
        <family val="2"/>
        <scheme val="minor"/>
      </rPr>
      <t xml:space="preserve"> properly filed with OKWCC, a Legacy Claim would have been created and a FROI 00, 04, AU or UI will not be accepted as a FROI UR is required for Legacy Claims.
Also see FROI UR and SROI MTC UR Events for Legacy Claims.
OKWCC expects the applicable FROI 00, 04, UI, AU reports submissions to be completed by 11/1/18 for these claims. If a claim re-opens after 11/1/18, then the same Report Trigger shown above should be followed.
</t>
    </r>
  </si>
  <si>
    <r>
      <t>Legacy Claims: All open and re-opened claims (including indemnity and medical) with Date of Injury (DN0031) &gt;= 2/01/2014</t>
    </r>
    <r>
      <rPr>
        <sz val="8"/>
        <color rgb="FFFF0000"/>
        <rFont val="Calibri"/>
        <family val="2"/>
      </rPr>
      <t xml:space="preserve"> for which a</t>
    </r>
    <r>
      <rPr>
        <sz val="8"/>
        <rFont val="Calibri"/>
        <family val="2"/>
      </rPr>
      <t xml:space="preserve">  </t>
    </r>
    <r>
      <rPr>
        <sz val="8"/>
        <color rgb="FFFF0000"/>
        <rFont val="Calibri"/>
        <family val="2"/>
      </rPr>
      <t xml:space="preserve">paper CC-FORM-2: EMPLOYER'S FIRST NOTICE OF INJURY was required and properly filed. </t>
    </r>
    <r>
      <rPr>
        <sz val="8"/>
        <rFont val="Calibri"/>
        <family val="2"/>
      </rPr>
      <t xml:space="preserve">These claims are based on Date Claim Administrator Had (Notice or) Knowledge of the Injury (DN0041) prior to 9/1/2018.
Note: </t>
    </r>
    <r>
      <rPr>
        <sz val="8"/>
        <color rgb="FFFF0000"/>
        <rFont val="Calibri"/>
        <family val="2"/>
      </rPr>
      <t xml:space="preserve">Per a change to the  Oklahoma Administrative Code § 810:10-1-4(a)(1), effective 9-11-17, a CC-FORM-2 was required to be sent to the Workers’ Compensation Commission, and to the employer’s workers’ compensation insurance carrier within 10 days after the date of receipt of notice or knowledge of </t>
    </r>
    <r>
      <rPr>
        <u/>
        <sz val="8"/>
        <color rgb="FFFF0000"/>
        <rFont val="Calibri"/>
        <family val="2"/>
      </rPr>
      <t>death or injury that results in lost time beyond the shift or medical attention away from the work site for the injured employee. 
Claims currently open and not meeting the above criteria</t>
    </r>
    <r>
      <rPr>
        <sz val="8"/>
        <color rgb="FFFF0000"/>
        <rFont val="Calibri"/>
        <family val="2"/>
      </rPr>
      <t xml:space="preserve"> with a  Date Claim Administrator Had (Notice or) Knowledge of the Injury (DN0041) prior to the administrative rule change of 9/11/2017 were not required to be filed on a CC-FORM-2 with OKWCC and do not require a FROI UR or any additional EDI filing unless indemnity has been paid. </t>
    </r>
    <r>
      <rPr>
        <sz val="8"/>
        <rFont val="Calibri"/>
        <family val="2"/>
      </rPr>
      <t xml:space="preserve">
</t>
    </r>
    <r>
      <rPr>
        <sz val="8"/>
        <color rgb="FFFF0000"/>
        <rFont val="Calibri"/>
        <family val="2"/>
      </rPr>
      <t xml:space="preserve">If a CC-FORM-2: EMPLOYER'S FIRST NOTICE OF INJURY was required and </t>
    </r>
    <r>
      <rPr>
        <u/>
        <sz val="8"/>
        <color rgb="FFFF0000"/>
        <rFont val="Calibri"/>
        <family val="2"/>
      </rPr>
      <t>WAS NOT</t>
    </r>
    <r>
      <rPr>
        <sz val="8"/>
        <color rgb="FFFF0000"/>
        <rFont val="Calibri"/>
        <family val="2"/>
      </rPr>
      <t xml:space="preserve"> properly filed with OKWCC, a Legacy Claim would not have been created for which to match to a FROI UR. OK WCC does not accept the ACORD 4, OSHA 300 or any other form in place of the CC-FORM-2. 
A CC-FORM-3, CC-FORM-3A and CC-FORM-3B may have been filed with the OKWCC; however, if a CC-FORM 2 was not also filed, a Legacy Claim would not have been created, and a FROI UR will not match. 
If a CC-FORM-2 was required and not properly filed, the applicable FROI 00, 04, UI, or AU should be sent instead of a FROI UR. </t>
    </r>
    <r>
      <rPr>
        <sz val="8"/>
        <rFont val="Calibri"/>
        <family val="2"/>
      </rPr>
      <t xml:space="preserve">
OKWCC expects the FROI UR report submissions to be completed by 11/1/18 for these claims. If a claim re-opens after 11/1/18, then the same Report Trigger shown above should be followed.</t>
    </r>
  </si>
  <si>
    <r>
      <t xml:space="preserve">New Event for SROI UR Update Report: Event for Legacy Claims with Existing Payments for Open Claims and/or Re-Open Claims with Date of Injury (DN0031)  &gt;= 2/01/2014 where a FROI 00, 04, UI or AU has been filed: File a SROI MTC UR as the first SROI filed following the FROI MTC 00, 04, UI, or AU when applicable payments exist on the legacy claim. 
</t>
    </r>
    <r>
      <rPr>
        <strike/>
        <sz val="10"/>
        <color rgb="FFFF0000"/>
        <rFont val="Calibri"/>
        <family val="2"/>
        <scheme val="minor"/>
      </rPr>
      <t>These claims are based on the applicable FROI MTC reported with the Date Claim Administrator Had (Notice or) Knowledge of the Injury (DN0041) prior to 9/1/2018.</t>
    </r>
    <r>
      <rPr>
        <sz val="10"/>
        <rFont val="Calibri"/>
        <family val="2"/>
        <scheme val="minor"/>
      </rPr>
      <t xml:space="preserve">
Following the SROI MTC UR that is in TA acknowledgment status, any SROI MTC can follow where the next SROI MTC would be the SROI that reflects the next action needed on the claim(s). Normal sequencing will apply to the MTC that follows the SROI MTC UR. (Note: If the SROI MTC UR is in TE acknowledgment status, a SROI MTC CO should be sent to resolve the error(s).)  Note: The SROI UR requirements are similar to a periodic (sweep) so that OKWCC can receive the current payment information, see Element Requirement Table SROI with MTC UR. 
Notes: 
OKWCC expects the SROI UR report submissions to be completed by 11/1/18 for these claims. If a claim re-opens after 11/1/18, then the same Report Trigger shown above should be followed.
Existing Payments: Any payments including Benefits and Other Benefits. </t>
    </r>
  </si>
  <si>
    <t>Remove the following text: FROI MTC: 00, 04, UI, AU Original, Denial, Under Investigation, Acquired/Unallocated
Remove the following from the Event:
These claims are based on Date Claim Administrator Had (Notice or) Knowledge of the Injury (DN0041) prior to 9/1/2018.
Reason: For the FROI reporting on this event, it is not concerning Date Claim Administrator Had (Notice or) Knowledge of the Injury (DN0041).
The FROI report can be sent for legacy claims that were not properly reported prior to the implementation date.</t>
  </si>
  <si>
    <t>Revise SROI UR Event for Legacy Claims</t>
  </si>
  <si>
    <t>EVT 1.6.1</t>
  </si>
  <si>
    <t>EVT 1.6.2</t>
  </si>
  <si>
    <t xml:space="preserve">SROI FN rows </t>
  </si>
  <si>
    <t>Last payment of compensation made, no further payments of indemnity or medical anticipated. Claim Closed.</t>
  </si>
  <si>
    <t>First Row: Last payment of compensation made, no further payments of any kind anticipated. Claim Closed.
Second Row: OK WCC is expecting an amended SROI FN (Final) after an initial SROI FN filing to update any additional payments on the Closed claim.</t>
  </si>
  <si>
    <r>
      <t xml:space="preserve">First Row: Last payment of compensation made, no further payments of </t>
    </r>
    <r>
      <rPr>
        <sz val="10"/>
        <color rgb="FFFF0000"/>
        <rFont val="Calibri"/>
        <family val="2"/>
        <scheme val="minor"/>
      </rPr>
      <t xml:space="preserve">indemnity or medical </t>
    </r>
    <r>
      <rPr>
        <strike/>
        <sz val="10"/>
        <color rgb="FFFF0000"/>
        <rFont val="Calibri"/>
        <family val="2"/>
        <scheme val="minor"/>
      </rPr>
      <t>of any kind</t>
    </r>
    <r>
      <rPr>
        <sz val="10"/>
        <rFont val="Calibri"/>
        <family val="2"/>
        <scheme val="minor"/>
      </rPr>
      <t xml:space="preserve"> anticipated. Claim Closed.
Second Row: OK WCC is expecting an amended SROI FN (Final) after an initial SROI FN filing to update any additional </t>
    </r>
    <r>
      <rPr>
        <sz val="10"/>
        <color rgb="FFFF0000"/>
        <rFont val="Calibri"/>
        <family val="2"/>
        <scheme val="minor"/>
      </rPr>
      <t xml:space="preserve">indemnity or medical </t>
    </r>
    <r>
      <rPr>
        <sz val="10"/>
        <rFont val="Calibri"/>
        <family val="2"/>
        <scheme val="minor"/>
      </rPr>
      <t>payments on the Closed claim.</t>
    </r>
  </si>
  <si>
    <t>OK WCC is expecting an amended SROI FN (Final) after an initial SROI FN filing to update any additional indemnity or medical payments on the Closed claim.</t>
  </si>
  <si>
    <t xml:space="preserve">Added indemnity or medical, to clarify that "any payments" meant either indemity and/or medical. </t>
  </si>
  <si>
    <t>Revise SROI FN Events for clarification</t>
  </si>
  <si>
    <t xml:space="preserve">If FROI UI previously filed, there is an extension of 30 calendar days beyond the original 15 day deadline (for a total of 45 days from the date of the employer's notice of injury/death) to file a FROI 04 Denial.
Note: FROI 04 is needed within 30 days of filing FROI UI unless benefits will be paid, and then FROI 00 should be filed prior to a SROI IP to report benefits.                 </t>
  </si>
  <si>
    <t>EVT 1.6.3</t>
  </si>
  <si>
    <t>FROI 04 row</t>
  </si>
  <si>
    <t>Note: FROI 04 is needed within 30 days of filing FROI UI or SROI IP should be sent to report TTD.</t>
  </si>
  <si>
    <t xml:space="preserve">Clarification that FROI 00 would be due after UI filing, if benefits were paid. </t>
  </si>
  <si>
    <r>
      <t xml:space="preserve">Clarified Note
Note: FROI 04 is needed within 30 days of filing FROI UI </t>
    </r>
    <r>
      <rPr>
        <sz val="10"/>
        <color rgb="FFFF0000"/>
        <rFont val="Calibri"/>
        <family val="2"/>
        <scheme val="minor"/>
      </rPr>
      <t xml:space="preserve">unless benefits will be paid, and then FROI 00 should be filed prior to a SROI IP to report benefits.             </t>
    </r>
  </si>
  <si>
    <t>SROI UI</t>
  </si>
  <si>
    <t>EVT 1.6.4</t>
  </si>
  <si>
    <t>Will this report be accepted electronically? (Yes/No) - SROI UI</t>
  </si>
  <si>
    <t xml:space="preserve">SROI UI on Form to MTC Crosswalk -  'Will this report be accepted electronically? (Yes/No)' - Yes </t>
  </si>
  <si>
    <r>
      <t xml:space="preserve">SROI UI on Form to MTC Crosswalk - Changed 'Will this report be accepted electronically? (Yes/No)' from Yes to </t>
    </r>
    <r>
      <rPr>
        <sz val="10"/>
        <color rgb="FFFF0000"/>
        <rFont val="Calibri"/>
        <family val="2"/>
        <scheme val="minor"/>
      </rPr>
      <t>No</t>
    </r>
  </si>
  <si>
    <t xml:space="preserve">Changed Event requirement </t>
  </si>
  <si>
    <t>EVT 1.6.5</t>
  </si>
  <si>
    <t>SROI Events</t>
  </si>
  <si>
    <t xml:space="preserve">Previously an approved Event </t>
  </si>
  <si>
    <t>SROI UI on SROI Tab removed</t>
  </si>
  <si>
    <t>The following changes are for OKWCC V1.6</t>
  </si>
  <si>
    <t xml:space="preserve">Only one UI request for an extension is statutorily valid, so SROI UI is being removed. </t>
  </si>
  <si>
    <t>Full Suspension – All payment(s) of indemnity benefits have stopped, even if the employee is currently eligible for 070 benefits but is not entitled to payment at this time.
Report the appropriate DN0418 Suspension Reason Code - Full, OKWCC accepts: S1 S2 S3 S4 S5 S6 S7 S8 SD SJ.   S9 is not accepted.</t>
  </si>
  <si>
    <r>
      <t>Interpreting the jurisdiction's requirements:</t>
    </r>
    <r>
      <rPr>
        <sz val="10"/>
        <rFont val="Calibri"/>
        <family val="2"/>
        <scheme val="minor"/>
      </rPr>
      <t xml:space="preserve">  For a (Report Type) (Maintenance Type-Code) meeting (Event Rule Criteria) within (Event Rule Date range - FROM/THRU) where the (Trigger Criteria-Trigger Value), the Report is due (Report Due Value-Type) from the (Report Due-From)  If the Event Rule Thru date is blank, reporting requirements apply until further notice.  When a Paper Form(s) is indicated, this implies that in addition to the EDI transaction, this form(s) must be sent to the Receiver indicated.    
Note: Any reference to a "break in the continuity of benefits" means an SX or 04 was previously accepted. </t>
    </r>
  </si>
  <si>
    <t>A change is recognized and initiated by the Claim Administrator when a data element identified on the Element Requirement Table has been altered in the Claim Administrator’s database.
If the specific data element is Added, Updated or Removed, or the variable segment is Deleted then the Claim Administrators should then communicate the changes via the Change Variable Segment consisting of Change Data Element/Segment Number (DN0412) and Change Reason Code (DN0413).
OKWCC has indicated on the Element Requirement Table if they do or do not expect an 02 Change.
B = 2 years from last accepted FN</t>
  </si>
  <si>
    <r>
      <t>Interpreting the jurisdiction's requirements:</t>
    </r>
    <r>
      <rPr>
        <sz val="10"/>
        <rFont val="Calibri"/>
        <family val="2"/>
        <scheme val="minor"/>
      </rPr>
      <t xml:space="preserve">  For a (Report Type) (Maintenance Type-Code) meeting (Event Rule Criteria) within (Event Rule Date range - FROM/THRU) where the (Trigger Criteria-Trigger Value), the Report is due (Report Due Value-Type) from the (Report Due-From).  If the Event Rule Thru date is blank, reporting requirements apply until further notice.  When a Paper Form(s) is indicated, this implies that in addition to the EDI transaction, this form(s) must be sent to the Receiver indicated. </t>
    </r>
    <r>
      <rPr>
        <sz val="10"/>
        <color rgb="FFFF0000"/>
        <rFont val="Calibri"/>
        <family val="2"/>
        <scheme val="minor"/>
      </rPr>
      <t xml:space="preserve">
</t>
    </r>
    <r>
      <rPr>
        <b/>
        <sz val="9"/>
        <rFont val="Arial"/>
        <family val="2"/>
      </rPr>
      <t/>
    </r>
  </si>
  <si>
    <r>
      <t xml:space="preserve">NOTE FOR OKWCC: 
85A O.S. §63 requires the employer to send a report within ten (10) days of notice or knowledge of an injury or illness for reports with Date Of Injury (DN0031) &gt;= 2/01/2014.  If a closed claim has a Date of Injury prior to 2/01/2014 and now re-opens, then the claim should be handled with the Court of Existing Claims.
85A O.S. §86 requires the employer to file a controversion (if intending to controvert) or an extension if time is needed to investigate compensability.  Filing of either the FROI 00, FROI 04, or FROI UI </t>
    </r>
    <r>
      <rPr>
        <i/>
        <sz val="10"/>
        <rFont val="Calibri"/>
        <family val="2"/>
        <scheme val="minor"/>
      </rPr>
      <t xml:space="preserve">within the ten (10) day time period </t>
    </r>
    <r>
      <rPr>
        <sz val="10"/>
        <rFont val="Calibri"/>
        <family val="2"/>
        <scheme val="minor"/>
      </rPr>
      <t>will satisfy the requirements of §63.  If needing the full fifteen (15) day period to investigate or to determine whether an extension is needed, then a FROI should still be filed within ten (10) days; in this scenario, either (1) a FROI 00 is filed within ten (10) days, followed by a FROI 04 or UI within fifteen (15) days of notice or knowledge, or (2) a FROI UI is filed within ten (10) days.  The distinctions between business and calendar days is due to Commission rule 810:10-1-13, which specifies that when the period of time prescribed or allowed is less than eleven (11) days, intermediate legal holidays and any other day when the office of the Clerk of the Commission does not remain open for public business until the regularly scheduled closing time, shall be excluded from the computation.</t>
    </r>
  </si>
  <si>
    <r>
      <t xml:space="preserve">Event for Legacy Claims: All open and re-opened claims (including indemnity and medical) with Date of Injury (DN0031) &gt;= 2/01/2014 for which a  paper CC-FORM-2: EMPLOYER'S FIRST NOTICE OF INJURY was required and </t>
    </r>
    <r>
      <rPr>
        <u/>
        <sz val="10"/>
        <rFont val="Calibri"/>
        <family val="2"/>
        <scheme val="minor"/>
      </rPr>
      <t>was not</t>
    </r>
    <r>
      <rPr>
        <sz val="10"/>
        <rFont val="Calibri"/>
        <family val="2"/>
        <scheme val="minor"/>
      </rPr>
      <t xml:space="preserve"> properly filed. 
</t>
    </r>
    <r>
      <rPr>
        <b/>
        <sz val="10"/>
        <rFont val="Calibri"/>
        <family val="2"/>
        <scheme val="minor"/>
      </rPr>
      <t>Note:</t>
    </r>
    <r>
      <rPr>
        <sz val="10"/>
        <rFont val="Calibri"/>
        <family val="2"/>
        <scheme val="minor"/>
      </rPr>
      <t xml:space="preserve"> Per a change to the  Oklahoma Administrative Code § 810:10-1-4(a)(1), effective 9-11-17, a CC-FORM-2 was required to be sent to the Workers’ Compensation Commission, and to the employer’s workers’ compensation insurance carrier within 10 days after the date of receipt of notice or knowledge of</t>
    </r>
    <r>
      <rPr>
        <u/>
        <sz val="10"/>
        <rFont val="Calibri"/>
        <family val="2"/>
        <scheme val="minor"/>
      </rPr>
      <t xml:space="preserve"> death or injury that results in lost time beyond the shift or medical attention away from the work site for the injured employee. 
Claims currently open and not meeting the above criteria </t>
    </r>
    <r>
      <rPr>
        <sz val="10"/>
        <rFont val="Calibri"/>
        <family val="2"/>
        <scheme val="minor"/>
      </rPr>
      <t xml:space="preserve">with a  Date Claim Administrator Had (Notice or) Knowledge of the Injury (DN0041) prior to the administrative rule change of 9/11/2017 were not required to be filed on a CC-FORM-2 with OKWCC and do not require a FROI UR or any additional EDI filing unless indemnity has been paid. 
</t>
    </r>
    <r>
      <rPr>
        <b/>
        <sz val="10"/>
        <rFont val="Calibri"/>
        <family val="2"/>
        <scheme val="minor"/>
      </rPr>
      <t>Note:</t>
    </r>
    <r>
      <rPr>
        <sz val="10"/>
        <rFont val="Calibri"/>
        <family val="2"/>
        <scheme val="minor"/>
      </rPr>
      <t xml:space="preserve"> If a CC-FORM-2: EMPLOYER'S FIRST NOTICE OF INJURY was required and </t>
    </r>
    <r>
      <rPr>
        <u/>
        <sz val="10"/>
        <rFont val="Calibri"/>
        <family val="2"/>
        <scheme val="minor"/>
      </rPr>
      <t>WAS NOT</t>
    </r>
    <r>
      <rPr>
        <sz val="10"/>
        <rFont val="Calibri"/>
        <family val="2"/>
        <scheme val="minor"/>
      </rPr>
      <t xml:space="preserve"> properly filed with OKWCC, a Legacy Claim would not have been created for which to match to a FROI UR.</t>
    </r>
    <r>
      <rPr>
        <b/>
        <sz val="10"/>
        <rFont val="Calibri"/>
        <family val="2"/>
        <scheme val="minor"/>
      </rPr>
      <t xml:space="preserve"> In this case, the applicable FROI 00, 04, AU or UI should be sent instead of a FROI UR. </t>
    </r>
    <r>
      <rPr>
        <sz val="10"/>
        <rFont val="Calibri"/>
        <family val="2"/>
        <scheme val="minor"/>
      </rPr>
      <t xml:space="preserve">[OK WCC does not accept the ACORD 4, OSHA 300 or any other form in place of the CC-FORM-2. A CC-FORM-3, CC-FORM-3A and CC-FORM-3B may have been filed with the OKWCC; however, if a CC-FORM 2 was not also filed, a Legacy Claim would not have been created, and a FROI UR will not match.]
 - </t>
    </r>
    <r>
      <rPr>
        <b/>
        <sz val="10"/>
        <rFont val="Calibri"/>
        <family val="2"/>
        <scheme val="minor"/>
      </rPr>
      <t xml:space="preserve"> </t>
    </r>
    <r>
      <rPr>
        <sz val="10"/>
        <rFont val="Calibri"/>
        <family val="2"/>
        <scheme val="minor"/>
      </rPr>
      <t xml:space="preserve">If CC-FORM-2: EMPLOYER'S FIRST NOTICE OF INJURY </t>
    </r>
    <r>
      <rPr>
        <u/>
        <sz val="10"/>
        <rFont val="Calibri"/>
        <family val="2"/>
        <scheme val="minor"/>
      </rPr>
      <t>WAS</t>
    </r>
    <r>
      <rPr>
        <sz val="10"/>
        <rFont val="Calibri"/>
        <family val="2"/>
        <scheme val="minor"/>
      </rPr>
      <t xml:space="preserve"> properly filed with OKWCC, a Legacy Claim would have been created and a FROI 00, 04, AU or UI will not be accepted as a FROI UR is required for Legacy Claims.
Also see FROI UR and SROI MTC UR Events for Legacy Claims.
OKWCC expects the applicable FROI 00, 04, UI, AU reports submissions to be completed by 11/1/18 for these claims. If a claim re-opens after 11/1/18, then the same Report Trigger shown above should be followed.
</t>
    </r>
  </si>
  <si>
    <t>The following changes are for OKWCC V1.6.Changes to previous versions are shown above</t>
  </si>
  <si>
    <r>
      <t xml:space="preserve">Legacy Claims: All open and re-opened claims (including indemnity and medical) with Date of Injury (DN0031) &gt;= 2/01/2014 for which a  paper CC-FORM-2: EMPLOYER'S FIRST NOTICE OF INJURY was required and properly filed. These claims are based on Date Claim Administrator Had (Notice or) Knowledge of the Injury (DN0041) prior to 9/1/2018.
Note: Per a change to the  Oklahoma Administrative Code § 810:10-1-4(a)(1), effective 9-11-17, a CC-FORM-2 was required to be sent to the Workers’ Compensation Commission, and to the employer’s workers’ compensation insurance carrier within 10 days after the date of receipt of notice or knowledge of </t>
    </r>
    <r>
      <rPr>
        <u/>
        <sz val="8"/>
        <rFont val="Calibri"/>
        <family val="2"/>
        <scheme val="minor"/>
      </rPr>
      <t>death or injury that results in lost time beyond the shift or medical attention away from the work site for the injured employee. 
Claims currently open and not meeting the above criteria</t>
    </r>
    <r>
      <rPr>
        <sz val="8"/>
        <rFont val="Calibri"/>
        <family val="2"/>
        <scheme val="minor"/>
      </rPr>
      <t xml:space="preserve"> with a  Date Claim Administrator Had (Notice or) Knowledge of the Injury (DN0041) prior to the administrative rule change of 9/11/2017 were not required to be filed on a CC-FORM-2 with OKWCC and do not require a FROI UR or any additional EDI filing unless indemnity has been paid. 
If a CC-FORM-2: EMPLOYER'S FIRST NOTICE OF INJURY was required and </t>
    </r>
    <r>
      <rPr>
        <u/>
        <sz val="8"/>
        <rFont val="Calibri"/>
        <family val="2"/>
        <scheme val="minor"/>
      </rPr>
      <t xml:space="preserve">WAS NOT </t>
    </r>
    <r>
      <rPr>
        <sz val="8"/>
        <rFont val="Calibri"/>
        <family val="2"/>
        <scheme val="minor"/>
      </rPr>
      <t>properly filed with OKWCC, a Legacy Claim would not have been created for which to match to a FROI UR. OK WCC does not accept the ACORD 4, OSHA 300 or any other form in place of the CC-FORM-2. 
A CC-FORM-3, CC-FORM-3A and CC-FORM-3B may have been filed with the OKWCC; however, if a CC-FORM 2 was not also filed, a Legacy Claim would not have been created, and a FROI UR will not match. 
If a CC-FORM-2 was required and not properly filed, the applicable FROI 00, 04, UI, or AU should be sent instead of a FROI UR. 
OKWCC expects the FROI UR report submissions to be completed by 11/1/18 for these claims. If a claim re-opens after 11/1/18, then the same Report Trigger shown above should be followed.</t>
    </r>
  </si>
  <si>
    <r>
      <t xml:space="preserve">OKWCC is correcting the note for the FROI MTC UR Event. Note: OKWCC expects the FROI UR report submissions to be completed by 11/1/18. 
Legacy Claims : All open and re-opened claims (including indemnity and medical) with Date Of Injury(DN0031) &gt;= 2/01/2014 previously filed on paper. These claims are based on Date Claim Administrator Had (Notice or) Knowledge of the Injury (DN0041) prior to Trading Partner Production Date.
Note: OKWCC expects the FROI UR report submissions to be completed by </t>
    </r>
    <r>
      <rPr>
        <sz val="10"/>
        <color rgb="FFFF0000"/>
        <rFont val="Calibri"/>
        <family val="2"/>
        <scheme val="minor"/>
      </rPr>
      <t xml:space="preserve">11/1/18. </t>
    </r>
    <r>
      <rPr>
        <strike/>
        <sz val="10"/>
        <color rgb="FFFF0000"/>
        <rFont val="Calibri"/>
        <family val="2"/>
        <scheme val="minor"/>
      </rPr>
      <t>November 20, 2017. February 1, 2018.</t>
    </r>
  </si>
  <si>
    <t xml:space="preserve">A FROI 00 should be filed if a claim that was previously denied in its entirety (FROI 04) has now been accepted (Claim is no longer denied), unless a SROI is being reported to report an initial payment or its equivalent.
</t>
  </si>
  <si>
    <t>The following changes are for OKWCC V1.7</t>
  </si>
  <si>
    <t>The following changes are for OKWCC V1.7. Changes to previous versions are shown above</t>
  </si>
  <si>
    <t>EVT 1.7</t>
  </si>
  <si>
    <t>FROI Events</t>
  </si>
  <si>
    <t>FROI 00
Row 9</t>
  </si>
  <si>
    <t xml:space="preserve">Changed Event due </t>
  </si>
  <si>
    <r>
      <t xml:space="preserve">FROI 00 Row 9: "When Is Report Due?"
</t>
    </r>
    <r>
      <rPr>
        <b/>
        <sz val="10"/>
        <rFont val="Calibri"/>
        <family val="2"/>
        <scheme val="minor"/>
      </rPr>
      <t>New:</t>
    </r>
    <r>
      <rPr>
        <sz val="10"/>
        <rFont val="Calibri"/>
        <family val="2"/>
        <scheme val="minor"/>
      </rPr>
      <t xml:space="preserve"> Value: NA; Due Type: NA; From: H-Immediate</t>
    </r>
  </si>
  <si>
    <r>
      <t xml:space="preserve">FROI 00 Row 9: "When Is Report Due?"
</t>
    </r>
    <r>
      <rPr>
        <b/>
        <sz val="10"/>
        <rFont val="Calibri"/>
        <family val="2"/>
        <scheme val="minor"/>
      </rPr>
      <t>Old:</t>
    </r>
    <r>
      <rPr>
        <sz val="10"/>
        <rFont val="Calibri"/>
        <family val="2"/>
        <scheme val="minor"/>
      </rPr>
      <t xml:space="preserve"> Value: 15; Due Type: C-Calendar Days; From: C = From Employer Notification
</t>
    </r>
    <r>
      <rPr>
        <b/>
        <sz val="10"/>
        <rFont val="Calibri"/>
        <family val="2"/>
        <scheme val="minor"/>
      </rPr>
      <t>New:</t>
    </r>
    <r>
      <rPr>
        <sz val="10"/>
        <rFont val="Calibri"/>
        <family val="2"/>
        <scheme val="minor"/>
      </rPr>
      <t xml:space="preserve"> Value: NA; Due Type: NA; From: H-Immediate</t>
    </r>
  </si>
  <si>
    <t xml:space="preserve">A FROI that was previously denied and now accepted with a FROI 00 could not be due 15 calendar days from Employer Notification. </t>
  </si>
  <si>
    <t>NA - Documentation Onl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64" formatCode="mm/yy"/>
    <numFmt numFmtId="165" formatCode="00000"/>
    <numFmt numFmtId="166" formatCode="m/d/yy;@"/>
    <numFmt numFmtId="167" formatCode="mm/dd/yy;@"/>
  </numFmts>
  <fonts count="43" x14ac:knownFonts="1">
    <font>
      <sz val="10"/>
      <name val="Arial"/>
    </font>
    <font>
      <sz val="11"/>
      <color theme="1"/>
      <name val="Calibri"/>
      <family val="2"/>
      <scheme val="minor"/>
    </font>
    <font>
      <sz val="9"/>
      <name val="Arial"/>
      <family val="2"/>
    </font>
    <font>
      <b/>
      <sz val="9"/>
      <name val="Arial"/>
      <family val="2"/>
    </font>
    <font>
      <b/>
      <sz val="10"/>
      <name val="Arial"/>
      <family val="2"/>
    </font>
    <font>
      <sz val="8"/>
      <name val="Arial"/>
      <family val="2"/>
    </font>
    <font>
      <sz val="8"/>
      <name val="Arial"/>
      <family val="2"/>
    </font>
    <font>
      <sz val="10"/>
      <color indexed="8"/>
      <name val="Courier New"/>
      <family val="3"/>
    </font>
    <font>
      <sz val="10"/>
      <name val="Arial"/>
      <family val="2"/>
    </font>
    <font>
      <b/>
      <u/>
      <sz val="8"/>
      <name val="Arial"/>
      <family val="2"/>
    </font>
    <font>
      <b/>
      <sz val="9"/>
      <color indexed="10"/>
      <name val="Arial"/>
      <family val="2"/>
    </font>
    <font>
      <b/>
      <sz val="8"/>
      <color indexed="10"/>
      <name val="Arial"/>
      <family val="2"/>
    </font>
    <font>
      <sz val="10"/>
      <color indexed="10"/>
      <name val="Arial"/>
      <family val="2"/>
    </font>
    <font>
      <b/>
      <sz val="10"/>
      <color indexed="10"/>
      <name val="Arial"/>
      <family val="2"/>
    </font>
    <font>
      <b/>
      <u/>
      <sz val="8"/>
      <color indexed="8"/>
      <name val="Arial"/>
      <family val="2"/>
    </font>
    <font>
      <sz val="10"/>
      <color indexed="8"/>
      <name val="Arial"/>
      <family val="2"/>
    </font>
    <font>
      <sz val="8"/>
      <color indexed="8"/>
      <name val="Arial"/>
      <family val="2"/>
    </font>
    <font>
      <sz val="9"/>
      <color indexed="8"/>
      <name val="Arial"/>
      <family val="2"/>
    </font>
    <font>
      <b/>
      <u/>
      <sz val="9"/>
      <name val="Arial"/>
      <family val="2"/>
    </font>
    <font>
      <sz val="10"/>
      <name val="Courier"/>
      <family val="3"/>
    </font>
    <font>
      <u/>
      <sz val="12.5"/>
      <color indexed="12"/>
      <name val="Arial"/>
      <family val="2"/>
    </font>
    <font>
      <sz val="10"/>
      <name val="Calibri"/>
      <family val="2"/>
      <scheme val="minor"/>
    </font>
    <font>
      <u/>
      <sz val="10"/>
      <name val="Calibri"/>
      <family val="2"/>
      <scheme val="minor"/>
    </font>
    <font>
      <b/>
      <u/>
      <sz val="10"/>
      <name val="Calibri"/>
      <family val="2"/>
      <scheme val="minor"/>
    </font>
    <font>
      <i/>
      <sz val="10"/>
      <name val="Calibri"/>
      <family val="2"/>
      <scheme val="minor"/>
    </font>
    <font>
      <b/>
      <sz val="8"/>
      <name val="Arial"/>
      <family val="2"/>
    </font>
    <font>
      <sz val="10"/>
      <color theme="1"/>
      <name val="Arial"/>
      <family val="2"/>
    </font>
    <font>
      <sz val="10"/>
      <name val="Arial"/>
      <family val="2"/>
    </font>
    <font>
      <i/>
      <sz val="8"/>
      <name val="Arial"/>
      <family val="2"/>
    </font>
    <font>
      <sz val="8"/>
      <color theme="1"/>
      <name val="Arial"/>
      <family val="2"/>
    </font>
    <font>
      <sz val="10"/>
      <color rgb="FFFF0000"/>
      <name val="Calibri"/>
      <family val="2"/>
      <scheme val="minor"/>
    </font>
    <font>
      <b/>
      <sz val="10"/>
      <name val="Calibri"/>
      <family val="2"/>
      <scheme val="minor"/>
    </font>
    <font>
      <strike/>
      <sz val="10"/>
      <color rgb="FFFF0000"/>
      <name val="Calibri"/>
      <family val="2"/>
      <scheme val="minor"/>
    </font>
    <font>
      <b/>
      <sz val="10"/>
      <color rgb="FFFF0000"/>
      <name val="Calibri"/>
      <family val="2"/>
      <scheme val="minor"/>
    </font>
    <font>
      <sz val="10"/>
      <color theme="1"/>
      <name val="Calibri"/>
      <family val="2"/>
      <scheme val="minor"/>
    </font>
    <font>
      <b/>
      <strike/>
      <sz val="10"/>
      <color rgb="FFFF0000"/>
      <name val="Calibri"/>
      <family val="2"/>
      <scheme val="minor"/>
    </font>
    <font>
      <sz val="10"/>
      <name val="Calibri"/>
      <family val="2"/>
    </font>
    <font>
      <sz val="8"/>
      <name val="Calibri"/>
      <family val="2"/>
    </font>
    <font>
      <sz val="8"/>
      <color rgb="FFFF0000"/>
      <name val="Calibri"/>
      <family val="2"/>
    </font>
    <font>
      <u/>
      <sz val="8"/>
      <color rgb="FFFF0000"/>
      <name val="Calibri"/>
      <family val="2"/>
    </font>
    <font>
      <sz val="8"/>
      <name val="Calibri"/>
      <family val="2"/>
      <scheme val="minor"/>
    </font>
    <font>
      <u/>
      <sz val="8"/>
      <name val="Calibri"/>
      <family val="2"/>
      <scheme val="minor"/>
    </font>
    <font>
      <b/>
      <sz val="8"/>
      <name val="Calibri"/>
      <family val="2"/>
      <scheme val="minor"/>
    </font>
  </fonts>
  <fills count="12">
    <fill>
      <patternFill patternType="none"/>
    </fill>
    <fill>
      <patternFill patternType="gray125"/>
    </fill>
    <fill>
      <patternFill patternType="solid">
        <fgColor theme="4" tint="0.79998168889431442"/>
        <bgColor indexed="64"/>
      </patternFill>
    </fill>
    <fill>
      <patternFill patternType="solid">
        <fgColor rgb="FFFF0000"/>
        <bgColor indexed="64"/>
      </patternFill>
    </fill>
    <fill>
      <patternFill patternType="solid">
        <fgColor theme="6" tint="0.79998168889431442"/>
        <bgColor indexed="64"/>
      </patternFill>
    </fill>
    <fill>
      <patternFill patternType="solid">
        <fgColor theme="5" tint="0.39997558519241921"/>
        <bgColor indexed="64"/>
      </patternFill>
    </fill>
    <fill>
      <patternFill patternType="solid">
        <fgColor theme="9" tint="0.79998168889431442"/>
        <bgColor indexed="64"/>
      </patternFill>
    </fill>
    <fill>
      <patternFill patternType="solid">
        <fgColor rgb="FFFFFFCC"/>
        <bgColor indexed="64"/>
      </patternFill>
    </fill>
    <fill>
      <patternFill patternType="solid">
        <fgColor theme="0" tint="-0.249977111117893"/>
        <bgColor indexed="64"/>
      </patternFill>
    </fill>
    <fill>
      <patternFill patternType="solid">
        <fgColor theme="0"/>
        <bgColor indexed="64"/>
      </patternFill>
    </fill>
    <fill>
      <patternFill patternType="solid">
        <fgColor theme="0" tint="-0.14999847407452621"/>
        <bgColor indexed="64"/>
      </patternFill>
    </fill>
    <fill>
      <patternFill patternType="solid">
        <fgColor rgb="FFFFFF00"/>
        <bgColor indexed="64"/>
      </patternFill>
    </fill>
  </fills>
  <borders count="4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bottom/>
      <diagonal/>
    </border>
    <border>
      <left style="medium">
        <color indexed="64"/>
      </left>
      <right style="medium">
        <color indexed="64"/>
      </right>
      <top/>
      <bottom style="medium">
        <color indexed="64"/>
      </bottom>
      <diagonal/>
    </border>
    <border>
      <left/>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right/>
      <top style="thin">
        <color indexed="64"/>
      </top>
      <bottom style="thin">
        <color indexed="64"/>
      </bottom>
      <diagonal/>
    </border>
    <border>
      <left/>
      <right/>
      <top style="thin">
        <color indexed="64"/>
      </top>
      <bottom/>
      <diagonal/>
    </border>
    <border>
      <left style="medium">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medium">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right/>
      <top/>
      <bottom style="medium">
        <color indexed="64"/>
      </bottom>
      <diagonal/>
    </border>
    <border>
      <left style="thin">
        <color indexed="64"/>
      </left>
      <right/>
      <top/>
      <bottom/>
      <diagonal/>
    </border>
    <border>
      <left/>
      <right style="thin">
        <color indexed="64"/>
      </right>
      <top style="thin">
        <color indexed="64"/>
      </top>
      <bottom style="medium">
        <color indexed="64"/>
      </bottom>
      <diagonal/>
    </border>
    <border>
      <left style="thin">
        <color indexed="64"/>
      </left>
      <right style="medium">
        <color indexed="64"/>
      </right>
      <top style="medium">
        <color indexed="64"/>
      </top>
      <bottom/>
      <diagonal/>
    </border>
  </borders>
  <cellStyleXfs count="22">
    <xf numFmtId="0" fontId="0" fillId="0" borderId="0"/>
    <xf numFmtId="0" fontId="8" fillId="0" borderId="0"/>
    <xf numFmtId="164" fontId="19" fillId="0" borderId="0" applyFont="0" applyBorder="0"/>
    <xf numFmtId="0" fontId="20" fillId="0" borderId="0" applyNumberFormat="0" applyFill="0" applyBorder="0" applyAlignment="0" applyProtection="0">
      <alignment vertical="top"/>
      <protection locked="0"/>
    </xf>
    <xf numFmtId="0" fontId="8" fillId="0" borderId="0"/>
    <xf numFmtId="164" fontId="19" fillId="0" borderId="0" applyFont="0" applyBorder="0"/>
    <xf numFmtId="164" fontId="19" fillId="0" borderId="0" applyFont="0" applyBorder="0"/>
    <xf numFmtId="0" fontId="8" fillId="0" borderId="0"/>
    <xf numFmtId="164" fontId="19" fillId="0" borderId="0" applyFont="0" applyBorder="0"/>
    <xf numFmtId="0" fontId="8" fillId="0" borderId="0"/>
    <xf numFmtId="164" fontId="19" fillId="0" borderId="0" applyFont="0" applyBorder="0"/>
    <xf numFmtId="0" fontId="8" fillId="0" borderId="0"/>
    <xf numFmtId="164" fontId="19" fillId="0" borderId="0" applyFont="0" applyBorder="0"/>
    <xf numFmtId="164" fontId="19" fillId="0" borderId="0" applyFont="0" applyBorder="0"/>
    <xf numFmtId="0" fontId="8" fillId="0" borderId="0"/>
    <xf numFmtId="0" fontId="8" fillId="0" borderId="0"/>
    <xf numFmtId="0" fontId="8" fillId="0" borderId="0"/>
    <xf numFmtId="0" fontId="1" fillId="0" borderId="0"/>
    <xf numFmtId="0" fontId="8" fillId="0" borderId="0"/>
    <xf numFmtId="0" fontId="8" fillId="0" borderId="0"/>
    <xf numFmtId="0" fontId="26" fillId="0" borderId="0"/>
    <xf numFmtId="0" fontId="27" fillId="0" borderId="0"/>
  </cellStyleXfs>
  <cellXfs count="337">
    <xf numFmtId="0" fontId="0" fillId="0" borderId="0" xfId="0"/>
    <xf numFmtId="49" fontId="2" fillId="0" borderId="0" xfId="0" applyNumberFormat="1" applyFont="1" applyAlignment="1">
      <alignment horizontal="center" vertical="center" wrapText="1"/>
    </xf>
    <xf numFmtId="49" fontId="2" fillId="0" borderId="0" xfId="0" applyNumberFormat="1" applyFont="1" applyAlignment="1">
      <alignment horizontal="left"/>
    </xf>
    <xf numFmtId="49" fontId="6" fillId="0" borderId="0" xfId="0" applyNumberFormat="1" applyFont="1" applyAlignment="1">
      <alignment horizontal="left"/>
    </xf>
    <xf numFmtId="0" fontId="4" fillId="0" borderId="0" xfId="0" applyFont="1"/>
    <xf numFmtId="0" fontId="4" fillId="0" borderId="0" xfId="0" applyFont="1" applyAlignment="1">
      <alignment horizontal="justify"/>
    </xf>
    <xf numFmtId="0" fontId="0" fillId="0" borderId="0" xfId="0" applyAlignment="1">
      <alignment horizontal="left"/>
    </xf>
    <xf numFmtId="0" fontId="4" fillId="0" borderId="0" xfId="0" applyFont="1" applyAlignment="1">
      <alignment horizontal="left"/>
    </xf>
    <xf numFmtId="0" fontId="7" fillId="0" borderId="0" xfId="0" applyFont="1" applyAlignment="1">
      <alignment horizontal="left"/>
    </xf>
    <xf numFmtId="0" fontId="0" fillId="0" borderId="0" xfId="0" applyAlignment="1">
      <alignment horizontal="center"/>
    </xf>
    <xf numFmtId="49" fontId="6" fillId="0" borderId="0" xfId="0" applyNumberFormat="1" applyFont="1" applyAlignment="1">
      <alignment horizontal="center"/>
    </xf>
    <xf numFmtId="0" fontId="8" fillId="0" borderId="0" xfId="0" applyFont="1" applyAlignment="1">
      <alignment vertical="top" wrapText="1"/>
    </xf>
    <xf numFmtId="0" fontId="9" fillId="0" borderId="0" xfId="0" applyFont="1"/>
    <xf numFmtId="0" fontId="6" fillId="0" borderId="0" xfId="0" applyFont="1" applyFill="1"/>
    <xf numFmtId="0" fontId="0" fillId="0" borderId="0" xfId="0" applyFill="1"/>
    <xf numFmtId="49" fontId="5" fillId="0" borderId="0" xfId="0" applyNumberFormat="1" applyFont="1" applyFill="1" applyAlignment="1">
      <alignment horizontal="left"/>
    </xf>
    <xf numFmtId="0" fontId="9" fillId="0" borderId="0" xfId="0" applyFont="1" applyFill="1"/>
    <xf numFmtId="0" fontId="4" fillId="0" borderId="0" xfId="0" applyFont="1" applyBorder="1" applyAlignment="1">
      <alignment horizontal="center"/>
    </xf>
    <xf numFmtId="0" fontId="13" fillId="0" borderId="0" xfId="0" applyFont="1"/>
    <xf numFmtId="0" fontId="14" fillId="0" borderId="0" xfId="0" applyFont="1" applyAlignment="1">
      <alignment horizontal="left"/>
    </xf>
    <xf numFmtId="0" fontId="15" fillId="0" borderId="0" xfId="0" applyFont="1"/>
    <xf numFmtId="49" fontId="2" fillId="0" borderId="2" xfId="0" applyNumberFormat="1" applyFont="1" applyBorder="1" applyAlignment="1">
      <alignment horizontal="center" vertical="top" wrapText="1"/>
    </xf>
    <xf numFmtId="49" fontId="10" fillId="0" borderId="2" xfId="0" applyNumberFormat="1" applyFont="1" applyFill="1" applyBorder="1" applyAlignment="1">
      <alignment horizontal="center" vertical="top" wrapText="1"/>
    </xf>
    <xf numFmtId="49" fontId="10" fillId="0" borderId="2" xfId="0" applyNumberFormat="1" applyFont="1" applyBorder="1" applyAlignment="1">
      <alignment horizontal="center" vertical="top" wrapText="1"/>
    </xf>
    <xf numFmtId="0" fontId="13" fillId="0" borderId="8" xfId="0" applyFont="1" applyBorder="1" applyAlignment="1">
      <alignment horizontal="center" vertical="top"/>
    </xf>
    <xf numFmtId="0" fontId="13" fillId="0" borderId="2" xfId="0" applyFont="1" applyBorder="1" applyAlignment="1">
      <alignment horizontal="center" vertical="top"/>
    </xf>
    <xf numFmtId="0" fontId="13" fillId="0" borderId="2" xfId="0" applyFont="1" applyFill="1" applyBorder="1" applyAlignment="1">
      <alignment vertical="top" wrapText="1"/>
    </xf>
    <xf numFmtId="49" fontId="2" fillId="0" borderId="1" xfId="0" applyNumberFormat="1" applyFont="1" applyBorder="1" applyAlignment="1">
      <alignment horizontal="center" vertical="top" wrapText="1"/>
    </xf>
    <xf numFmtId="49" fontId="10" fillId="0" borderId="1" xfId="0" applyNumberFormat="1" applyFont="1" applyFill="1" applyBorder="1" applyAlignment="1">
      <alignment horizontal="center" vertical="top" wrapText="1"/>
    </xf>
    <xf numFmtId="49" fontId="10" fillId="0" borderId="1" xfId="0" applyNumberFormat="1" applyFont="1" applyBorder="1" applyAlignment="1">
      <alignment horizontal="center" vertical="top" wrapText="1"/>
    </xf>
    <xf numFmtId="0" fontId="13" fillId="0" borderId="9" xfId="0" applyFont="1" applyBorder="1" applyAlignment="1">
      <alignment horizontal="center" vertical="top"/>
    </xf>
    <xf numFmtId="0" fontId="13" fillId="0" borderId="1" xfId="0" applyFont="1" applyBorder="1" applyAlignment="1">
      <alignment horizontal="center" vertical="top"/>
    </xf>
    <xf numFmtId="0" fontId="13" fillId="0" borderId="9" xfId="0" applyFont="1" applyBorder="1" applyAlignment="1">
      <alignment vertical="top"/>
    </xf>
    <xf numFmtId="0" fontId="11" fillId="0" borderId="6" xfId="0" applyFont="1" applyBorder="1" applyAlignment="1">
      <alignment vertical="top"/>
    </xf>
    <xf numFmtId="0" fontId="13" fillId="0" borderId="1" xfId="0" applyFont="1" applyBorder="1" applyAlignment="1">
      <alignment horizontal="center" vertical="top" wrapText="1"/>
    </xf>
    <xf numFmtId="0" fontId="13" fillId="0" borderId="1" xfId="0" applyFont="1" applyBorder="1" applyAlignment="1">
      <alignment vertical="top" wrapText="1"/>
    </xf>
    <xf numFmtId="0" fontId="13" fillId="0" borderId="9" xfId="0" applyFont="1" applyBorder="1" applyAlignment="1">
      <alignment vertical="top" wrapText="1"/>
    </xf>
    <xf numFmtId="0" fontId="11" fillId="0" borderId="6" xfId="0" applyFont="1" applyBorder="1" applyAlignment="1">
      <alignment vertical="top" wrapText="1"/>
    </xf>
    <xf numFmtId="0" fontId="11" fillId="0" borderId="8" xfId="0" applyFont="1" applyFill="1" applyBorder="1" applyAlignment="1">
      <alignment vertical="top" wrapText="1"/>
    </xf>
    <xf numFmtId="49" fontId="2" fillId="0" borderId="14" xfId="0" applyNumberFormat="1" applyFont="1" applyBorder="1" applyAlignment="1">
      <alignment horizontal="center" vertical="top" wrapText="1"/>
    </xf>
    <xf numFmtId="49" fontId="2" fillId="0" borderId="15" xfId="0" applyNumberFormat="1" applyFont="1" applyBorder="1" applyAlignment="1">
      <alignment horizontal="center" vertical="top" wrapText="1"/>
    </xf>
    <xf numFmtId="49" fontId="18" fillId="0" borderId="0" xfId="0" applyNumberFormat="1" applyFont="1" applyFill="1" applyAlignment="1">
      <alignment horizontal="left"/>
    </xf>
    <xf numFmtId="49" fontId="2" fillId="3" borderId="12" xfId="0" applyNumberFormat="1" applyFont="1" applyFill="1" applyBorder="1" applyAlignment="1">
      <alignment horizontal="center" vertical="center" wrapText="1"/>
    </xf>
    <xf numFmtId="49" fontId="2" fillId="3" borderId="29" xfId="0" applyNumberFormat="1" applyFont="1" applyFill="1" applyBorder="1" applyAlignment="1">
      <alignment horizontal="center" vertical="center" wrapText="1"/>
    </xf>
    <xf numFmtId="0" fontId="12" fillId="0" borderId="28" xfId="0" applyFont="1" applyBorder="1" applyAlignment="1">
      <alignment horizontal="center" vertical="top" wrapText="1"/>
    </xf>
    <xf numFmtId="49" fontId="21" fillId="0" borderId="32" xfId="0" applyNumberFormat="1" applyFont="1" applyFill="1" applyBorder="1" applyAlignment="1">
      <alignment horizontal="center" vertical="top" wrapText="1"/>
    </xf>
    <xf numFmtId="14" fontId="21" fillId="0" borderId="32" xfId="4" applyNumberFormat="1" applyFont="1" applyFill="1" applyBorder="1" applyAlignment="1">
      <alignment horizontal="center" vertical="top" wrapText="1"/>
    </xf>
    <xf numFmtId="49" fontId="3" fillId="2" borderId="3" xfId="0" applyNumberFormat="1" applyFont="1" applyFill="1" applyBorder="1" applyAlignment="1">
      <alignment horizontal="center" vertical="top" wrapText="1"/>
    </xf>
    <xf numFmtId="49" fontId="3" fillId="2" borderId="4" xfId="0" applyNumberFormat="1" applyFont="1" applyFill="1" applyBorder="1" applyAlignment="1">
      <alignment horizontal="center" vertical="top" wrapText="1"/>
    </xf>
    <xf numFmtId="49" fontId="3" fillId="2" borderId="11" xfId="0" applyNumberFormat="1" applyFont="1" applyFill="1" applyBorder="1" applyAlignment="1">
      <alignment horizontal="center" vertical="top" wrapText="1"/>
    </xf>
    <xf numFmtId="49" fontId="3" fillId="2" borderId="7" xfId="0" applyNumberFormat="1" applyFont="1" applyFill="1" applyBorder="1" applyAlignment="1">
      <alignment horizontal="center" vertical="top" wrapText="1"/>
    </xf>
    <xf numFmtId="49" fontId="3" fillId="2" borderId="10" xfId="0" applyNumberFormat="1" applyFont="1" applyFill="1" applyBorder="1" applyAlignment="1">
      <alignment horizontal="center" vertical="top" wrapText="1"/>
    </xf>
    <xf numFmtId="0" fontId="0" fillId="0" borderId="0" xfId="0" applyAlignment="1">
      <alignment wrapText="1"/>
    </xf>
    <xf numFmtId="0" fontId="0" fillId="0" borderId="0" xfId="0" applyAlignment="1">
      <alignment vertical="top" wrapText="1"/>
    </xf>
    <xf numFmtId="0" fontId="0" fillId="0" borderId="0" xfId="0" applyAlignment="1">
      <alignment vertical="top"/>
    </xf>
    <xf numFmtId="0" fontId="8" fillId="0" borderId="0" xfId="0" applyFont="1" applyFill="1"/>
    <xf numFmtId="49" fontId="21" fillId="0" borderId="32" xfId="0" applyNumberFormat="1" applyFont="1" applyBorder="1" applyAlignment="1">
      <alignment vertical="top" wrapText="1"/>
    </xf>
    <xf numFmtId="165" fontId="21" fillId="0" borderId="32" xfId="0" applyNumberFormat="1" applyFont="1" applyFill="1" applyBorder="1" applyAlignment="1">
      <alignment vertical="top" wrapText="1"/>
    </xf>
    <xf numFmtId="49" fontId="21" fillId="0" borderId="33" xfId="0" applyNumberFormat="1" applyFont="1" applyFill="1" applyBorder="1" applyAlignment="1">
      <alignment vertical="top" wrapText="1"/>
    </xf>
    <xf numFmtId="0" fontId="21" fillId="0" borderId="0" xfId="0" applyFont="1" applyAlignment="1">
      <alignment vertical="top"/>
    </xf>
    <xf numFmtId="49" fontId="21" fillId="0" borderId="30" xfId="0" applyNumberFormat="1" applyFont="1" applyFill="1" applyBorder="1" applyAlignment="1">
      <alignment horizontal="center" vertical="top" wrapText="1"/>
    </xf>
    <xf numFmtId="49" fontId="21" fillId="0" borderId="31" xfId="0" applyNumberFormat="1" applyFont="1" applyBorder="1" applyAlignment="1">
      <alignment horizontal="center" vertical="top" wrapText="1"/>
    </xf>
    <xf numFmtId="49" fontId="21" fillId="0" borderId="32" xfId="0" applyNumberFormat="1" applyFont="1" applyBorder="1" applyAlignment="1">
      <alignment horizontal="center" vertical="top" wrapText="1"/>
    </xf>
    <xf numFmtId="49" fontId="21" fillId="0" borderId="29" xfId="0" applyNumberFormat="1" applyFont="1" applyFill="1" applyBorder="1" applyAlignment="1">
      <alignment horizontal="center" vertical="top" wrapText="1"/>
    </xf>
    <xf numFmtId="49" fontId="21" fillId="0" borderId="14" xfId="0" applyNumberFormat="1" applyFont="1" applyBorder="1" applyAlignment="1">
      <alignment horizontal="center" vertical="top" wrapText="1"/>
    </xf>
    <xf numFmtId="49" fontId="21" fillId="0" borderId="2" xfId="0" applyNumberFormat="1" applyFont="1" applyBorder="1" applyAlignment="1">
      <alignment horizontal="center" vertical="top" wrapText="1"/>
    </xf>
    <xf numFmtId="49" fontId="21" fillId="0" borderId="2" xfId="0" applyNumberFormat="1" applyFont="1" applyFill="1" applyBorder="1" applyAlignment="1">
      <alignment horizontal="center" vertical="top" wrapText="1"/>
    </xf>
    <xf numFmtId="49" fontId="21" fillId="0" borderId="1" xfId="0" applyNumberFormat="1" applyFont="1" applyFill="1" applyBorder="1" applyAlignment="1">
      <alignment horizontal="center" vertical="top" wrapText="1"/>
    </xf>
    <xf numFmtId="49" fontId="21" fillId="0" borderId="8" xfId="0" applyNumberFormat="1" applyFont="1" applyFill="1" applyBorder="1" applyAlignment="1">
      <alignment horizontal="center" vertical="top" wrapText="1"/>
    </xf>
    <xf numFmtId="0" fontId="21" fillId="0" borderId="2" xfId="0" applyFont="1" applyFill="1" applyBorder="1" applyAlignment="1">
      <alignment horizontal="center" vertical="top" wrapText="1"/>
    </xf>
    <xf numFmtId="49" fontId="21" fillId="0" borderId="12" xfId="0" applyNumberFormat="1" applyFont="1" applyFill="1" applyBorder="1" applyAlignment="1">
      <alignment horizontal="center" vertical="top" wrapText="1"/>
    </xf>
    <xf numFmtId="49" fontId="21" fillId="0" borderId="1" xfId="0" applyNumberFormat="1" applyFont="1" applyBorder="1" applyAlignment="1">
      <alignment horizontal="center" vertical="top" wrapText="1"/>
    </xf>
    <xf numFmtId="49" fontId="21" fillId="0" borderId="1" xfId="0" applyNumberFormat="1" applyFont="1" applyFill="1" applyBorder="1" applyAlignment="1">
      <alignment horizontal="left" vertical="top" wrapText="1"/>
    </xf>
    <xf numFmtId="0" fontId="21" fillId="0" borderId="1" xfId="0" applyFont="1" applyFill="1" applyBorder="1" applyAlignment="1">
      <alignment vertical="top" wrapText="1"/>
    </xf>
    <xf numFmtId="49" fontId="21" fillId="0" borderId="17" xfId="0" applyNumberFormat="1" applyFont="1" applyBorder="1" applyAlignment="1">
      <alignment horizontal="center" vertical="top" wrapText="1"/>
    </xf>
    <xf numFmtId="49" fontId="21" fillId="0" borderId="5" xfId="0" applyNumberFormat="1" applyFont="1" applyBorder="1" applyAlignment="1">
      <alignment horizontal="center" vertical="top" wrapText="1"/>
    </xf>
    <xf numFmtId="49" fontId="21" fillId="0" borderId="15" xfId="0" applyNumberFormat="1" applyFont="1" applyBorder="1" applyAlignment="1">
      <alignment horizontal="center" vertical="top" wrapText="1"/>
    </xf>
    <xf numFmtId="49" fontId="21" fillId="0" borderId="9" xfId="0" applyNumberFormat="1" applyFont="1" applyFill="1" applyBorder="1" applyAlignment="1">
      <alignment horizontal="center" vertical="top" wrapText="1"/>
    </xf>
    <xf numFmtId="0" fontId="21" fillId="0" borderId="1" xfId="0" applyFont="1" applyFill="1" applyBorder="1" applyAlignment="1">
      <alignment horizontal="center" vertical="top" wrapText="1"/>
    </xf>
    <xf numFmtId="49" fontId="21" fillId="0" borderId="15" xfId="0" applyNumberFormat="1" applyFont="1" applyFill="1" applyBorder="1" applyAlignment="1">
      <alignment horizontal="center" vertical="top" wrapText="1"/>
    </xf>
    <xf numFmtId="0" fontId="21" fillId="0" borderId="0" xfId="0" applyFont="1" applyFill="1" applyAlignment="1">
      <alignment vertical="top"/>
    </xf>
    <xf numFmtId="49" fontId="21" fillId="0" borderId="0" xfId="1" applyNumberFormat="1" applyFont="1" applyFill="1" applyAlignment="1">
      <alignment horizontal="center" vertical="center" wrapText="1"/>
    </xf>
    <xf numFmtId="14" fontId="21" fillId="0" borderId="1" xfId="4" applyNumberFormat="1" applyFont="1" applyFill="1" applyBorder="1" applyAlignment="1">
      <alignment horizontal="center" vertical="top" wrapText="1"/>
    </xf>
    <xf numFmtId="0" fontId="21" fillId="0" borderId="1" xfId="0" applyFont="1" applyFill="1" applyBorder="1" applyAlignment="1">
      <alignment horizontal="center" vertical="top"/>
    </xf>
    <xf numFmtId="0" fontId="21" fillId="0" borderId="0" xfId="0" applyFont="1" applyFill="1" applyAlignment="1" applyProtection="1">
      <alignment vertical="top"/>
      <protection locked="0"/>
    </xf>
    <xf numFmtId="0" fontId="21" fillId="0" borderId="1" xfId="0" applyFont="1" applyFill="1" applyBorder="1" applyAlignment="1">
      <alignment vertical="top"/>
    </xf>
    <xf numFmtId="0" fontId="21" fillId="0" borderId="0" xfId="0" applyFont="1" applyAlignment="1">
      <alignment horizontal="center" vertical="top"/>
    </xf>
    <xf numFmtId="49" fontId="21" fillId="0" borderId="0" xfId="0" applyNumberFormat="1" applyFont="1" applyAlignment="1">
      <alignment horizontal="center" vertical="top"/>
    </xf>
    <xf numFmtId="49" fontId="21" fillId="0" borderId="5" xfId="0" applyNumberFormat="1" applyFont="1" applyFill="1" applyBorder="1" applyAlignment="1">
      <alignment horizontal="center" vertical="top" wrapText="1"/>
    </xf>
    <xf numFmtId="49" fontId="21" fillId="0" borderId="38" xfId="0" applyNumberFormat="1" applyFont="1" applyBorder="1" applyAlignment="1">
      <alignment horizontal="center" vertical="top" wrapText="1"/>
    </xf>
    <xf numFmtId="49" fontId="21" fillId="0" borderId="39" xfId="0" applyNumberFormat="1" applyFont="1" applyFill="1" applyBorder="1" applyAlignment="1">
      <alignment horizontal="center" vertical="top" wrapText="1"/>
    </xf>
    <xf numFmtId="49" fontId="21" fillId="3" borderId="12" xfId="0" applyNumberFormat="1" applyFont="1" applyFill="1" applyBorder="1" applyAlignment="1">
      <alignment horizontal="center" vertical="top" wrapText="1"/>
    </xf>
    <xf numFmtId="49" fontId="21" fillId="3" borderId="14" xfId="0" applyNumberFormat="1" applyFont="1" applyFill="1" applyBorder="1" applyAlignment="1">
      <alignment horizontal="center" vertical="top" wrapText="1"/>
    </xf>
    <xf numFmtId="49" fontId="21" fillId="3" borderId="15" xfId="0" applyNumberFormat="1" applyFont="1" applyFill="1" applyBorder="1" applyAlignment="1">
      <alignment horizontal="center" vertical="top" wrapText="1"/>
    </xf>
    <xf numFmtId="49" fontId="2" fillId="0" borderId="0" xfId="4" applyNumberFormat="1" applyFont="1" applyFill="1" applyAlignment="1">
      <alignment horizontal="center" vertical="center" wrapText="1"/>
    </xf>
    <xf numFmtId="49" fontId="2" fillId="0" borderId="0" xfId="4" applyNumberFormat="1" applyFont="1" applyAlignment="1">
      <alignment horizontal="center" vertical="center" wrapText="1"/>
    </xf>
    <xf numFmtId="49" fontId="2" fillId="0" borderId="0" xfId="4" applyNumberFormat="1" applyFont="1" applyAlignment="1">
      <alignment horizontal="left" vertical="top" wrapText="1"/>
    </xf>
    <xf numFmtId="49" fontId="3" fillId="2" borderId="23" xfId="4" applyNumberFormat="1" applyFont="1" applyFill="1" applyBorder="1" applyAlignment="1">
      <alignment horizontal="center" vertical="center" wrapText="1"/>
    </xf>
    <xf numFmtId="49" fontId="3" fillId="2" borderId="16" xfId="4" applyNumberFormat="1" applyFont="1" applyFill="1" applyBorder="1" applyAlignment="1">
      <alignment horizontal="center" vertical="center" wrapText="1"/>
    </xf>
    <xf numFmtId="49" fontId="3" fillId="0" borderId="0" xfId="4" applyNumberFormat="1" applyFont="1" applyAlignment="1">
      <alignment horizontal="center" vertical="center" wrapText="1"/>
    </xf>
    <xf numFmtId="49" fontId="3" fillId="2" borderId="20" xfId="4" applyNumberFormat="1" applyFont="1" applyFill="1" applyBorder="1" applyAlignment="1">
      <alignment horizontal="center" vertical="top" wrapText="1"/>
    </xf>
    <xf numFmtId="49" fontId="3" fillId="2" borderId="34" xfId="4" applyNumberFormat="1" applyFont="1" applyFill="1" applyBorder="1" applyAlignment="1">
      <alignment horizontal="center" vertical="top" wrapText="1"/>
    </xf>
    <xf numFmtId="49" fontId="3" fillId="2" borderId="35" xfId="4" applyNumberFormat="1" applyFont="1" applyFill="1" applyBorder="1" applyAlignment="1">
      <alignment horizontal="center" vertical="top" wrapText="1"/>
    </xf>
    <xf numFmtId="49" fontId="3" fillId="2" borderId="26" xfId="4" applyNumberFormat="1" applyFont="1" applyFill="1" applyBorder="1" applyAlignment="1">
      <alignment horizontal="center" vertical="top" wrapText="1"/>
    </xf>
    <xf numFmtId="49" fontId="3" fillId="2" borderId="5" xfId="4" applyNumberFormat="1" applyFont="1" applyFill="1" applyBorder="1" applyAlignment="1">
      <alignment horizontal="center" vertical="top" wrapText="1"/>
    </xf>
    <xf numFmtId="49" fontId="3" fillId="2" borderId="35" xfId="4" applyNumberFormat="1" applyFont="1" applyFill="1" applyBorder="1" applyAlignment="1">
      <alignment horizontal="left" vertical="top" wrapText="1"/>
    </xf>
    <xf numFmtId="49" fontId="3" fillId="2" borderId="36" xfId="4" applyNumberFormat="1" applyFont="1" applyFill="1" applyBorder="1" applyAlignment="1">
      <alignment horizontal="center" vertical="top" wrapText="1"/>
    </xf>
    <xf numFmtId="49" fontId="3" fillId="0" borderId="0" xfId="4" applyNumberFormat="1" applyFont="1" applyAlignment="1">
      <alignment horizontal="center" vertical="top" wrapText="1"/>
    </xf>
    <xf numFmtId="49" fontId="21" fillId="0" borderId="1" xfId="4" applyNumberFormat="1" applyFont="1" applyFill="1" applyBorder="1" applyAlignment="1">
      <alignment horizontal="center" vertical="top" wrapText="1"/>
    </xf>
    <xf numFmtId="49" fontId="21" fillId="0" borderId="1" xfId="4" applyNumberFormat="1" applyFont="1" applyFill="1" applyBorder="1" applyAlignment="1">
      <alignment horizontal="left" vertical="top" wrapText="1"/>
    </xf>
    <xf numFmtId="49" fontId="21" fillId="0" borderId="1" xfId="4" applyNumberFormat="1" applyFont="1" applyBorder="1" applyAlignment="1">
      <alignment horizontal="center" vertical="top" wrapText="1"/>
    </xf>
    <xf numFmtId="49" fontId="21" fillId="0" borderId="0" xfId="4" applyNumberFormat="1" applyFont="1" applyAlignment="1">
      <alignment horizontal="left" vertical="top" wrapText="1"/>
    </xf>
    <xf numFmtId="0" fontId="21" fillId="0" borderId="1" xfId="4" applyFont="1" applyFill="1" applyBorder="1" applyAlignment="1">
      <alignment horizontal="left" vertical="top" wrapText="1"/>
    </xf>
    <xf numFmtId="49" fontId="2" fillId="0" borderId="0" xfId="4" applyNumberFormat="1" applyFont="1" applyFill="1" applyAlignment="1">
      <alignment horizontal="center"/>
    </xf>
    <xf numFmtId="49" fontId="2" fillId="0" borderId="0" xfId="4" applyNumberFormat="1" applyFont="1" applyAlignment="1">
      <alignment horizontal="left" vertical="center" wrapText="1"/>
    </xf>
    <xf numFmtId="49" fontId="3" fillId="2" borderId="19" xfId="0" applyNumberFormat="1" applyFont="1" applyFill="1" applyBorder="1" applyAlignment="1">
      <alignment horizontal="center" vertical="center" wrapText="1"/>
    </xf>
    <xf numFmtId="49" fontId="10" fillId="0" borderId="8" xfId="0" applyNumberFormat="1" applyFont="1" applyFill="1" applyBorder="1" applyAlignment="1">
      <alignment horizontal="center" vertical="top" wrapText="1"/>
    </xf>
    <xf numFmtId="49" fontId="10" fillId="0" borderId="9" xfId="0" applyNumberFormat="1" applyFont="1" applyFill="1" applyBorder="1" applyAlignment="1">
      <alignment horizontal="center" vertical="top" wrapText="1"/>
    </xf>
    <xf numFmtId="49" fontId="9" fillId="0" borderId="0" xfId="0" applyNumberFormat="1" applyFont="1" applyFill="1" applyAlignment="1">
      <alignment horizontal="left"/>
    </xf>
    <xf numFmtId="49" fontId="5" fillId="0" borderId="0" xfId="0" applyNumberFormat="1" applyFont="1" applyAlignment="1">
      <alignment horizontal="left"/>
    </xf>
    <xf numFmtId="49" fontId="25" fillId="0" borderId="0" xfId="0" applyNumberFormat="1" applyFont="1" applyAlignment="1">
      <alignment horizontal="left" indent="2"/>
    </xf>
    <xf numFmtId="49" fontId="9" fillId="0" borderId="0" xfId="0" applyNumberFormat="1" applyFont="1" applyAlignment="1">
      <alignment horizontal="left"/>
    </xf>
    <xf numFmtId="49" fontId="5" fillId="0" borderId="0" xfId="0" applyNumberFormat="1" applyFont="1" applyAlignment="1">
      <alignment horizontal="left" indent="2"/>
    </xf>
    <xf numFmtId="49" fontId="2" fillId="0" borderId="0" xfId="0" applyNumberFormat="1" applyFont="1" applyFill="1" applyAlignment="1">
      <alignment horizontal="left"/>
    </xf>
    <xf numFmtId="49" fontId="2" fillId="0" borderId="0" xfId="0" applyNumberFormat="1" applyFont="1" applyFill="1" applyAlignment="1">
      <alignment horizontal="center" vertical="center" wrapText="1"/>
    </xf>
    <xf numFmtId="49" fontId="2" fillId="0" borderId="0" xfId="0" applyNumberFormat="1" applyFont="1" applyBorder="1" applyAlignment="1">
      <alignment horizontal="center" vertical="center" wrapText="1"/>
    </xf>
    <xf numFmtId="49" fontId="21" fillId="5" borderId="29" xfId="0" applyNumberFormat="1" applyFont="1" applyFill="1" applyBorder="1" applyAlignment="1">
      <alignment horizontal="center" vertical="top" wrapText="1"/>
    </xf>
    <xf numFmtId="49" fontId="2" fillId="0" borderId="7" xfId="0" applyNumberFormat="1" applyFont="1" applyFill="1" applyBorder="1" applyAlignment="1">
      <alignment horizontal="center" vertical="center" wrapText="1"/>
    </xf>
    <xf numFmtId="49" fontId="2" fillId="0" borderId="10" xfId="0" applyNumberFormat="1" applyFont="1" applyFill="1" applyBorder="1" applyAlignment="1">
      <alignment horizontal="center" vertical="center" wrapText="1"/>
    </xf>
    <xf numFmtId="49" fontId="2" fillId="0" borderId="4" xfId="0" applyNumberFormat="1" applyFont="1" applyFill="1" applyBorder="1" applyAlignment="1">
      <alignment horizontal="center" vertical="center" wrapText="1"/>
    </xf>
    <xf numFmtId="49" fontId="2" fillId="3" borderId="42" xfId="0" applyNumberFormat="1" applyFont="1" applyFill="1" applyBorder="1" applyAlignment="1">
      <alignment horizontal="center" vertical="center" wrapText="1"/>
    </xf>
    <xf numFmtId="0" fontId="31" fillId="4" borderId="1" xfId="11" applyFont="1" applyFill="1" applyBorder="1" applyAlignment="1">
      <alignment vertical="top" wrapText="1"/>
    </xf>
    <xf numFmtId="0" fontId="21" fillId="0" borderId="0" xfId="11" applyFont="1" applyAlignment="1">
      <alignment vertical="top" wrapText="1"/>
    </xf>
    <xf numFmtId="0" fontId="21" fillId="0" borderId="0" xfId="21" applyFont="1" applyAlignment="1">
      <alignment vertical="top" wrapText="1"/>
    </xf>
    <xf numFmtId="0" fontId="31" fillId="4" borderId="1" xfId="21" applyFont="1" applyFill="1" applyBorder="1" applyAlignment="1">
      <alignment horizontal="left" vertical="top" wrapText="1"/>
    </xf>
    <xf numFmtId="0" fontId="31" fillId="0" borderId="0" xfId="21" applyFont="1" applyFill="1" applyAlignment="1">
      <alignment vertical="top" wrapText="1"/>
    </xf>
    <xf numFmtId="164" fontId="21" fillId="0" borderId="0" xfId="5" applyFont="1" applyFill="1" applyBorder="1" applyAlignment="1">
      <alignment vertical="top"/>
    </xf>
    <xf numFmtId="0" fontId="21" fillId="0" borderId="0" xfId="0" applyFont="1" applyAlignment="1">
      <alignment vertical="top" wrapText="1"/>
    </xf>
    <xf numFmtId="49" fontId="2" fillId="0" borderId="7" xfId="0" applyNumberFormat="1" applyFont="1" applyFill="1" applyBorder="1" applyAlignment="1">
      <alignment horizontal="center" vertical="top" wrapText="1"/>
    </xf>
    <xf numFmtId="0" fontId="21" fillId="0" borderId="0" xfId="21" applyFont="1" applyAlignment="1">
      <alignment vertical="top"/>
    </xf>
    <xf numFmtId="49" fontId="31" fillId="2" borderId="1" xfId="11" applyNumberFormat="1" applyFont="1" applyFill="1" applyBorder="1" applyAlignment="1">
      <alignment vertical="top" wrapText="1"/>
    </xf>
    <xf numFmtId="49" fontId="21" fillId="0" borderId="1" xfId="5" applyNumberFormat="1" applyFont="1" applyFill="1" applyBorder="1" applyAlignment="1">
      <alignment vertical="top"/>
    </xf>
    <xf numFmtId="164" fontId="21" fillId="0" borderId="1" xfId="5" applyFont="1" applyFill="1" applyBorder="1" applyAlignment="1">
      <alignment vertical="top" wrapText="1"/>
    </xf>
    <xf numFmtId="0" fontId="21" fillId="0" borderId="1" xfId="21" applyFont="1" applyBorder="1" applyAlignment="1">
      <alignment vertical="top"/>
    </xf>
    <xf numFmtId="166" fontId="21" fillId="0" borderId="1" xfId="5" applyNumberFormat="1" applyFont="1" applyFill="1" applyBorder="1" applyAlignment="1">
      <alignment vertical="top" wrapText="1"/>
    </xf>
    <xf numFmtId="49" fontId="21" fillId="0" borderId="1" xfId="5" applyNumberFormat="1" applyFont="1" applyFill="1" applyBorder="1" applyAlignment="1">
      <alignment vertical="top" wrapText="1"/>
    </xf>
    <xf numFmtId="164" fontId="21" fillId="0" borderId="1" xfId="5" applyFont="1" applyFill="1" applyBorder="1" applyAlignment="1">
      <alignment vertical="top"/>
    </xf>
    <xf numFmtId="49" fontId="21" fillId="0" borderId="1" xfId="11" applyNumberFormat="1" applyFont="1" applyBorder="1" applyAlignment="1">
      <alignment vertical="top" wrapText="1"/>
    </xf>
    <xf numFmtId="49" fontId="21" fillId="0" borderId="1" xfId="11" applyNumberFormat="1" applyFont="1" applyFill="1" applyBorder="1" applyAlignment="1">
      <alignment vertical="top" wrapText="1"/>
    </xf>
    <xf numFmtId="0" fontId="31" fillId="0" borderId="1" xfId="21" applyFont="1" applyFill="1" applyBorder="1" applyAlignment="1">
      <alignment vertical="top" wrapText="1"/>
    </xf>
    <xf numFmtId="0" fontId="21" fillId="0" borderId="1" xfId="11" applyFont="1" applyFill="1" applyBorder="1" applyAlignment="1">
      <alignment vertical="top" wrapText="1"/>
    </xf>
    <xf numFmtId="0" fontId="21" fillId="0" borderId="1" xfId="21" applyFont="1" applyBorder="1" applyAlignment="1">
      <alignment vertical="top" wrapText="1"/>
    </xf>
    <xf numFmtId="0" fontId="21" fillId="0" borderId="1" xfId="21" applyFont="1" applyFill="1" applyBorder="1" applyAlignment="1">
      <alignment vertical="top" wrapText="1"/>
    </xf>
    <xf numFmtId="0" fontId="21" fillId="0" borderId="1" xfId="11" applyFont="1" applyBorder="1" applyAlignment="1">
      <alignment vertical="top" wrapText="1"/>
    </xf>
    <xf numFmtId="0" fontId="21" fillId="0" borderId="1" xfId="21" applyFont="1" applyFill="1" applyBorder="1" applyAlignment="1">
      <alignment vertical="top"/>
    </xf>
    <xf numFmtId="49" fontId="21" fillId="0" borderId="1" xfId="21" applyNumberFormat="1" applyFont="1" applyBorder="1" applyAlignment="1">
      <alignment horizontal="left" vertical="top" wrapText="1"/>
    </xf>
    <xf numFmtId="0" fontId="21" fillId="0" borderId="1" xfId="21" applyFont="1" applyBorder="1" applyAlignment="1">
      <alignment horizontal="left" vertical="top"/>
    </xf>
    <xf numFmtId="0" fontId="21" fillId="0" borderId="0" xfId="0" applyFont="1" applyFill="1" applyAlignment="1">
      <alignment vertical="top" wrapText="1"/>
    </xf>
    <xf numFmtId="0" fontId="31" fillId="2" borderId="1" xfId="0" applyFont="1" applyFill="1" applyBorder="1" applyAlignment="1">
      <alignment horizontal="center" vertical="top" wrapText="1"/>
    </xf>
    <xf numFmtId="0" fontId="31" fillId="2" borderId="1" xfId="0" applyFont="1" applyFill="1" applyBorder="1" applyAlignment="1">
      <alignment horizontal="left" vertical="top" wrapText="1"/>
    </xf>
    <xf numFmtId="0" fontId="31" fillId="2" borderId="1" xfId="0" applyFont="1" applyFill="1" applyBorder="1" applyAlignment="1">
      <alignment vertical="top" wrapText="1"/>
    </xf>
    <xf numFmtId="49" fontId="31" fillId="2" borderId="1" xfId="0" applyNumberFormat="1" applyFont="1" applyFill="1" applyBorder="1" applyAlignment="1">
      <alignment horizontal="center" vertical="top" wrapText="1"/>
    </xf>
    <xf numFmtId="0" fontId="21" fillId="6" borderId="0" xfId="0" applyFont="1" applyFill="1" applyAlignment="1">
      <alignment vertical="top" wrapText="1"/>
    </xf>
    <xf numFmtId="165" fontId="21" fillId="0" borderId="2" xfId="1" applyNumberFormat="1" applyFont="1" applyFill="1" applyBorder="1" applyAlignment="1">
      <alignment horizontal="left" vertical="top" wrapText="1"/>
    </xf>
    <xf numFmtId="165" fontId="21" fillId="0" borderId="2" xfId="1" applyNumberFormat="1" applyFont="1" applyFill="1" applyBorder="1" applyAlignment="1">
      <alignment vertical="top" wrapText="1"/>
    </xf>
    <xf numFmtId="0" fontId="21" fillId="0" borderId="1" xfId="0" applyFont="1" applyBorder="1" applyAlignment="1">
      <alignment vertical="top" wrapText="1"/>
    </xf>
    <xf numFmtId="0" fontId="21" fillId="0" borderId="1" xfId="0" applyFont="1" applyBorder="1" applyAlignment="1">
      <alignment vertical="top"/>
    </xf>
    <xf numFmtId="0" fontId="21" fillId="0" borderId="37" xfId="0" applyFont="1" applyFill="1" applyBorder="1" applyAlignment="1">
      <alignment horizontal="center" vertical="top" wrapText="1"/>
    </xf>
    <xf numFmtId="0" fontId="21" fillId="0" borderId="41" xfId="0" applyFont="1" applyFill="1" applyBorder="1" applyAlignment="1">
      <alignment horizontal="center" vertical="top" wrapText="1"/>
    </xf>
    <xf numFmtId="49" fontId="21" fillId="0" borderId="0" xfId="0" applyNumberFormat="1" applyFont="1" applyAlignment="1">
      <alignment horizontal="left" vertical="top" wrapText="1"/>
    </xf>
    <xf numFmtId="49" fontId="31" fillId="2" borderId="23" xfId="0" applyNumberFormat="1" applyFont="1" applyFill="1" applyBorder="1" applyAlignment="1">
      <alignment horizontal="center" vertical="top" wrapText="1"/>
    </xf>
    <xf numFmtId="49" fontId="31" fillId="2" borderId="16" xfId="0" applyNumberFormat="1" applyFont="1" applyFill="1" applyBorder="1" applyAlignment="1">
      <alignment horizontal="center" vertical="top" wrapText="1"/>
    </xf>
    <xf numFmtId="49" fontId="31" fillId="2" borderId="13" xfId="0" applyNumberFormat="1" applyFont="1" applyFill="1" applyBorder="1" applyAlignment="1">
      <alignment horizontal="center" vertical="top" wrapText="1"/>
    </xf>
    <xf numFmtId="49" fontId="31" fillId="2" borderId="27" xfId="0" applyNumberFormat="1" applyFont="1" applyFill="1" applyBorder="1" applyAlignment="1">
      <alignment horizontal="center" vertical="top" wrapText="1"/>
    </xf>
    <xf numFmtId="49" fontId="31" fillId="2" borderId="3" xfId="0" applyNumberFormat="1" applyFont="1" applyFill="1" applyBorder="1" applyAlignment="1">
      <alignment horizontal="center" vertical="top" wrapText="1"/>
    </xf>
    <xf numFmtId="49" fontId="31" fillId="2" borderId="4" xfId="0" applyNumberFormat="1" applyFont="1" applyFill="1" applyBorder="1" applyAlignment="1">
      <alignment horizontal="center" vertical="top" wrapText="1"/>
    </xf>
    <xf numFmtId="49" fontId="31" fillId="2" borderId="11" xfId="0" applyNumberFormat="1" applyFont="1" applyFill="1" applyBorder="1" applyAlignment="1">
      <alignment horizontal="center" vertical="top" wrapText="1"/>
    </xf>
    <xf numFmtId="49" fontId="31" fillId="2" borderId="7" xfId="0" applyNumberFormat="1" applyFont="1" applyFill="1" applyBorder="1" applyAlignment="1">
      <alignment horizontal="center" vertical="top" wrapText="1"/>
    </xf>
    <xf numFmtId="49" fontId="31" fillId="2" borderId="36" xfId="0" applyNumberFormat="1" applyFont="1" applyFill="1" applyBorder="1" applyAlignment="1">
      <alignment horizontal="center" vertical="top" wrapText="1"/>
    </xf>
    <xf numFmtId="0" fontId="21" fillId="0" borderId="2" xfId="0" applyFont="1" applyFill="1" applyBorder="1" applyAlignment="1">
      <alignment horizontal="left" vertical="top" wrapText="1"/>
    </xf>
    <xf numFmtId="49" fontId="34" fillId="0" borderId="0" xfId="0" applyNumberFormat="1" applyFont="1" applyFill="1" applyAlignment="1">
      <alignment vertical="top"/>
    </xf>
    <xf numFmtId="49" fontId="21" fillId="0" borderId="0" xfId="0" applyNumberFormat="1" applyFont="1" applyAlignment="1">
      <alignment horizontal="center" vertical="top" wrapText="1"/>
    </xf>
    <xf numFmtId="0" fontId="21" fillId="0" borderId="0" xfId="0" applyFont="1" applyAlignment="1">
      <alignment horizontal="center" vertical="top" wrapText="1"/>
    </xf>
    <xf numFmtId="49" fontId="33" fillId="0" borderId="0" xfId="0" applyNumberFormat="1" applyFont="1" applyAlignment="1">
      <alignment horizontal="center" vertical="top" wrapText="1"/>
    </xf>
    <xf numFmtId="49" fontId="21" fillId="0" borderId="2" xfId="0" applyNumberFormat="1" applyFont="1" applyFill="1" applyBorder="1" applyAlignment="1">
      <alignment vertical="top" wrapText="1"/>
    </xf>
    <xf numFmtId="49" fontId="21" fillId="0" borderId="14" xfId="0" applyNumberFormat="1" applyFont="1" applyFill="1" applyBorder="1" applyAlignment="1">
      <alignment horizontal="center" vertical="top" wrapText="1"/>
    </xf>
    <xf numFmtId="49" fontId="21" fillId="0" borderId="32" xfId="0" applyNumberFormat="1" applyFont="1" applyFill="1" applyBorder="1" applyAlignment="1">
      <alignment vertical="top" wrapText="1"/>
    </xf>
    <xf numFmtId="49" fontId="2" fillId="0" borderId="1" xfId="0" applyNumberFormat="1" applyFont="1" applyFill="1" applyBorder="1" applyAlignment="1">
      <alignment horizontal="center" vertical="top" wrapText="1"/>
    </xf>
    <xf numFmtId="49" fontId="3" fillId="2" borderId="43" xfId="4" applyNumberFormat="1" applyFont="1" applyFill="1" applyBorder="1" applyAlignment="1">
      <alignment horizontal="center" vertical="center" wrapText="1"/>
    </xf>
    <xf numFmtId="49" fontId="3" fillId="2" borderId="1" xfId="4" applyNumberFormat="1" applyFont="1" applyFill="1" applyBorder="1" applyAlignment="1">
      <alignment horizontal="center" vertical="top" wrapText="1"/>
    </xf>
    <xf numFmtId="0" fontId="31" fillId="4" borderId="1" xfId="11" applyFont="1" applyFill="1" applyBorder="1" applyAlignment="1">
      <alignment horizontal="center" vertical="top" wrapText="1"/>
    </xf>
    <xf numFmtId="167" fontId="21" fillId="0" borderId="1" xfId="5" applyNumberFormat="1" applyFont="1" applyFill="1" applyBorder="1" applyAlignment="1">
      <alignment horizontal="center" vertical="top"/>
    </xf>
    <xf numFmtId="14" fontId="21" fillId="0" borderId="1" xfId="21" applyNumberFormat="1" applyFont="1" applyBorder="1" applyAlignment="1">
      <alignment horizontal="center" vertical="top"/>
    </xf>
    <xf numFmtId="0" fontId="21" fillId="0" borderId="0" xfId="21" applyFont="1" applyAlignment="1">
      <alignment horizontal="center" vertical="top"/>
    </xf>
    <xf numFmtId="0" fontId="31" fillId="4" borderId="1" xfId="21" applyFont="1" applyFill="1" applyBorder="1" applyAlignment="1">
      <alignment horizontal="center" vertical="top" wrapText="1"/>
    </xf>
    <xf numFmtId="164" fontId="21" fillId="0" borderId="1" xfId="5" applyFont="1" applyFill="1" applyBorder="1" applyAlignment="1">
      <alignment horizontal="center" vertical="top"/>
    </xf>
    <xf numFmtId="0" fontId="21" fillId="0" borderId="1" xfId="21" applyFont="1" applyBorder="1" applyAlignment="1">
      <alignment horizontal="center" vertical="top"/>
    </xf>
    <xf numFmtId="0" fontId="31" fillId="7" borderId="1" xfId="0" applyFont="1" applyFill="1" applyBorder="1" applyAlignment="1">
      <alignment horizontal="center" vertical="top" wrapText="1"/>
    </xf>
    <xf numFmtId="49" fontId="21" fillId="0" borderId="0" xfId="0" applyNumberFormat="1" applyFont="1" applyFill="1" applyAlignment="1">
      <alignment horizontal="left" vertical="top" wrapText="1"/>
    </xf>
    <xf numFmtId="0" fontId="21" fillId="0" borderId="0" xfId="0" applyFont="1" applyAlignment="1">
      <alignment vertical="top" wrapText="1"/>
    </xf>
    <xf numFmtId="49" fontId="31" fillId="2" borderId="19" xfId="0" applyNumberFormat="1" applyFont="1" applyFill="1" applyBorder="1" applyAlignment="1">
      <alignment horizontal="center" vertical="top" wrapText="1"/>
    </xf>
    <xf numFmtId="0" fontId="21" fillId="0" borderId="6" xfId="0" applyFont="1" applyFill="1" applyBorder="1" applyAlignment="1">
      <alignment vertical="top"/>
    </xf>
    <xf numFmtId="0" fontId="21" fillId="0" borderId="2" xfId="0" applyFont="1" applyFill="1" applyBorder="1" applyAlignment="1">
      <alignment vertical="top"/>
    </xf>
    <xf numFmtId="0" fontId="21" fillId="0" borderId="2" xfId="0" applyFont="1" applyBorder="1" applyAlignment="1">
      <alignment vertical="top"/>
    </xf>
    <xf numFmtId="0" fontId="21" fillId="0" borderId="9" xfId="0" applyFont="1" applyBorder="1" applyAlignment="1">
      <alignment vertical="top"/>
    </xf>
    <xf numFmtId="0" fontId="21" fillId="0" borderId="8" xfId="0" applyFont="1" applyBorder="1" applyAlignment="1">
      <alignment vertical="top"/>
    </xf>
    <xf numFmtId="0" fontId="21" fillId="0" borderId="8" xfId="0" applyFont="1" applyBorder="1" applyAlignment="1">
      <alignment vertical="top" wrapText="1"/>
    </xf>
    <xf numFmtId="49" fontId="30" fillId="0" borderId="1" xfId="0" applyNumberFormat="1" applyFont="1" applyBorder="1" applyAlignment="1">
      <alignment horizontal="left" vertical="top" wrapText="1"/>
    </xf>
    <xf numFmtId="49" fontId="21" fillId="0" borderId="9" xfId="0" applyNumberFormat="1" applyFont="1" applyBorder="1" applyAlignment="1">
      <alignment horizontal="center" vertical="top" wrapText="1"/>
    </xf>
    <xf numFmtId="0" fontId="21" fillId="0" borderId="6" xfId="0" applyFont="1" applyBorder="1" applyAlignment="1">
      <alignment vertical="top"/>
    </xf>
    <xf numFmtId="49" fontId="23" fillId="0" borderId="0" xfId="0" applyNumberFormat="1" applyFont="1" applyFill="1" applyAlignment="1">
      <alignment horizontal="left" vertical="top"/>
    </xf>
    <xf numFmtId="49" fontId="21" fillId="0" borderId="0" xfId="0" applyNumberFormat="1" applyFont="1" applyFill="1" applyAlignment="1">
      <alignment horizontal="left" vertical="top"/>
    </xf>
    <xf numFmtId="49" fontId="21" fillId="0" borderId="0" xfId="0" applyNumberFormat="1" applyFont="1" applyAlignment="1">
      <alignment horizontal="left" vertical="top"/>
    </xf>
    <xf numFmtId="49" fontId="21" fillId="0" borderId="0" xfId="0" applyNumberFormat="1" applyFont="1" applyFill="1" applyAlignment="1">
      <alignment vertical="top"/>
    </xf>
    <xf numFmtId="14" fontId="21" fillId="0" borderId="1" xfId="21" applyNumberFormat="1" applyFont="1" applyFill="1" applyBorder="1" applyAlignment="1">
      <alignment horizontal="center" vertical="top"/>
    </xf>
    <xf numFmtId="0" fontId="21" fillId="8" borderId="1" xfId="20" applyFont="1" applyFill="1" applyBorder="1" applyAlignment="1">
      <alignment horizontal="left" vertical="top"/>
    </xf>
    <xf numFmtId="14" fontId="21" fillId="8" borderId="1" xfId="20" applyNumberFormat="1" applyFont="1" applyFill="1" applyBorder="1" applyAlignment="1">
      <alignment horizontal="left" vertical="top"/>
    </xf>
    <xf numFmtId="14" fontId="21" fillId="8" borderId="1" xfId="21" applyNumberFormat="1" applyFont="1" applyFill="1" applyBorder="1" applyAlignment="1">
      <alignment horizontal="left" vertical="top"/>
    </xf>
    <xf numFmtId="0" fontId="21" fillId="8" borderId="1" xfId="0" applyFont="1" applyFill="1" applyBorder="1" applyAlignment="1">
      <alignment horizontal="left" vertical="top" wrapText="1"/>
    </xf>
    <xf numFmtId="0" fontId="21" fillId="8" borderId="1" xfId="20" applyFont="1" applyFill="1" applyBorder="1" applyAlignment="1">
      <alignment horizontal="left" vertical="top" wrapText="1"/>
    </xf>
    <xf numFmtId="49" fontId="21" fillId="8" borderId="1" xfId="5" applyNumberFormat="1" applyFont="1" applyFill="1" applyBorder="1" applyAlignment="1">
      <alignment horizontal="left" vertical="top"/>
    </xf>
    <xf numFmtId="49" fontId="21" fillId="8" borderId="1" xfId="0" applyNumberFormat="1" applyFont="1" applyFill="1" applyBorder="1" applyAlignment="1">
      <alignment horizontal="left" vertical="top" wrapText="1"/>
    </xf>
    <xf numFmtId="14" fontId="21" fillId="8" borderId="1" xfId="11" applyNumberFormat="1" applyFont="1" applyFill="1" applyBorder="1" applyAlignment="1">
      <alignment horizontal="left" vertical="top" wrapText="1"/>
    </xf>
    <xf numFmtId="14" fontId="21" fillId="8" borderId="1" xfId="0" applyNumberFormat="1" applyFont="1" applyFill="1" applyBorder="1" applyAlignment="1">
      <alignment horizontal="left" vertical="top" wrapText="1"/>
    </xf>
    <xf numFmtId="0" fontId="21" fillId="0" borderId="0" xfId="20" applyFont="1" applyBorder="1" applyAlignment="1">
      <alignment horizontal="left" vertical="top"/>
    </xf>
    <xf numFmtId="14" fontId="21" fillId="0" borderId="1" xfId="20" applyNumberFormat="1" applyFont="1" applyFill="1" applyBorder="1" applyAlignment="1">
      <alignment horizontal="left" vertical="top"/>
    </xf>
    <xf numFmtId="0" fontId="31" fillId="4" borderId="1" xfId="11" applyFont="1" applyFill="1" applyBorder="1" applyAlignment="1">
      <alignment horizontal="left" vertical="top" wrapText="1"/>
    </xf>
    <xf numFmtId="0" fontId="31" fillId="4" borderId="5" xfId="11" applyFont="1" applyFill="1" applyBorder="1" applyAlignment="1">
      <alignment horizontal="left" vertical="top" wrapText="1"/>
    </xf>
    <xf numFmtId="14" fontId="21" fillId="0" borderId="1" xfId="21" applyNumberFormat="1" applyFont="1" applyFill="1" applyBorder="1" applyAlignment="1">
      <alignment horizontal="left" vertical="top"/>
    </xf>
    <xf numFmtId="14" fontId="21" fillId="0" borderId="1" xfId="21" applyNumberFormat="1" applyFont="1" applyBorder="1" applyAlignment="1">
      <alignment horizontal="left" vertical="top"/>
    </xf>
    <xf numFmtId="0" fontId="21" fillId="0" borderId="0" xfId="21" applyFont="1" applyAlignment="1">
      <alignment horizontal="left" vertical="top"/>
    </xf>
    <xf numFmtId="0" fontId="21" fillId="8" borderId="1" xfId="21" applyFont="1" applyFill="1" applyBorder="1" applyAlignment="1">
      <alignment vertical="top"/>
    </xf>
    <xf numFmtId="49" fontId="36" fillId="0" borderId="1" xfId="4" applyNumberFormat="1" applyFont="1" applyFill="1" applyBorder="1" applyAlignment="1">
      <alignment horizontal="center" vertical="top" wrapText="1"/>
    </xf>
    <xf numFmtId="49" fontId="8" fillId="0" borderId="0" xfId="4" applyNumberFormat="1" applyFont="1" applyAlignment="1">
      <alignment horizontal="left" vertical="top" wrapText="1"/>
    </xf>
    <xf numFmtId="49" fontId="21" fillId="0" borderId="1" xfId="21" applyNumberFormat="1" applyFont="1" applyFill="1" applyBorder="1" applyAlignment="1">
      <alignment horizontal="left" vertical="top"/>
    </xf>
    <xf numFmtId="0" fontId="21" fillId="0" borderId="1" xfId="21" applyFont="1" applyFill="1" applyBorder="1" applyAlignment="1">
      <alignment horizontal="left" vertical="top"/>
    </xf>
    <xf numFmtId="165" fontId="37" fillId="0" borderId="2" xfId="1" applyNumberFormat="1" applyFont="1" applyFill="1" applyBorder="1" applyAlignment="1">
      <alignment horizontal="left" vertical="top" wrapText="1"/>
    </xf>
    <xf numFmtId="49" fontId="40" fillId="0" borderId="1" xfId="4" applyNumberFormat="1" applyFont="1" applyFill="1" applyBorder="1" applyAlignment="1">
      <alignment horizontal="left" vertical="top" wrapText="1"/>
    </xf>
    <xf numFmtId="0" fontId="21" fillId="0" borderId="25" xfId="21" applyFont="1" applyBorder="1" applyAlignment="1">
      <alignment vertical="top"/>
    </xf>
    <xf numFmtId="49" fontId="21" fillId="0" borderId="1" xfId="0" applyNumberFormat="1" applyFont="1" applyFill="1" applyBorder="1" applyAlignment="1">
      <alignment vertical="top" wrapText="1"/>
    </xf>
    <xf numFmtId="49" fontId="21" fillId="0" borderId="2" xfId="1" applyNumberFormat="1" applyFont="1" applyFill="1" applyBorder="1" applyAlignment="1">
      <alignment horizontal="left" vertical="top" wrapText="1"/>
    </xf>
    <xf numFmtId="49" fontId="21" fillId="0" borderId="2" xfId="4" applyNumberFormat="1" applyFont="1" applyFill="1" applyBorder="1" applyAlignment="1">
      <alignment horizontal="center" vertical="top" wrapText="1"/>
    </xf>
    <xf numFmtId="49" fontId="32" fillId="0" borderId="29" xfId="0" applyNumberFormat="1" applyFont="1" applyFill="1" applyBorder="1" applyAlignment="1">
      <alignment horizontal="center" vertical="top" wrapText="1"/>
    </xf>
    <xf numFmtId="49" fontId="32" fillId="0" borderId="15" xfId="0" applyNumberFormat="1" applyFont="1" applyBorder="1" applyAlignment="1">
      <alignment horizontal="center" vertical="top" wrapText="1"/>
    </xf>
    <xf numFmtId="49" fontId="32" fillId="0" borderId="1" xfId="0" applyNumberFormat="1" applyFont="1" applyBorder="1" applyAlignment="1">
      <alignment horizontal="center" vertical="top" wrapText="1"/>
    </xf>
    <xf numFmtId="49" fontId="32" fillId="0" borderId="2" xfId="0" applyNumberFormat="1" applyFont="1" applyFill="1" applyBorder="1" applyAlignment="1">
      <alignment horizontal="center" vertical="top" wrapText="1"/>
    </xf>
    <xf numFmtId="49" fontId="32" fillId="0" borderId="1" xfId="4" applyNumberFormat="1" applyFont="1" applyFill="1" applyBorder="1" applyAlignment="1">
      <alignment horizontal="center" vertical="top" wrapText="1"/>
    </xf>
    <xf numFmtId="49" fontId="32" fillId="0" borderId="1" xfId="0" applyNumberFormat="1" applyFont="1" applyFill="1" applyBorder="1" applyAlignment="1">
      <alignment horizontal="center" vertical="top" wrapText="1"/>
    </xf>
    <xf numFmtId="0" fontId="32" fillId="0" borderId="1" xfId="0" applyFont="1" applyFill="1" applyBorder="1" applyAlignment="1">
      <alignment vertical="top" wrapText="1"/>
    </xf>
    <xf numFmtId="0" fontId="32" fillId="0" borderId="1" xfId="0" applyFont="1" applyFill="1" applyBorder="1" applyAlignment="1">
      <alignment horizontal="center" vertical="top"/>
    </xf>
    <xf numFmtId="49" fontId="32" fillId="0" borderId="8" xfId="0" applyNumberFormat="1" applyFont="1" applyFill="1" applyBorder="1" applyAlignment="1">
      <alignment horizontal="center" vertical="top" wrapText="1"/>
    </xf>
    <xf numFmtId="0" fontId="32" fillId="0" borderId="2" xfId="0" applyFont="1" applyFill="1" applyBorder="1" applyAlignment="1">
      <alignment horizontal="center" vertical="top" wrapText="1"/>
    </xf>
    <xf numFmtId="0" fontId="32" fillId="0" borderId="1" xfId="0" applyFont="1" applyFill="1" applyBorder="1" applyAlignment="1">
      <alignment horizontal="center" vertical="top" wrapText="1"/>
    </xf>
    <xf numFmtId="49" fontId="21" fillId="0" borderId="5" xfId="11" applyNumberFormat="1" applyFont="1" applyFill="1" applyBorder="1" applyAlignment="1">
      <alignment vertical="top" wrapText="1"/>
    </xf>
    <xf numFmtId="0" fontId="21" fillId="9" borderId="0" xfId="0" applyFont="1" applyFill="1" applyAlignment="1">
      <alignment vertical="top"/>
    </xf>
    <xf numFmtId="0" fontId="8" fillId="10" borderId="0" xfId="20" applyFont="1" applyFill="1" applyAlignment="1">
      <alignment vertical="top"/>
    </xf>
    <xf numFmtId="0" fontId="8" fillId="8" borderId="1" xfId="0" applyFont="1" applyFill="1" applyBorder="1" applyAlignment="1">
      <alignment vertical="top"/>
    </xf>
    <xf numFmtId="14" fontId="8" fillId="8" borderId="1" xfId="0" applyNumberFormat="1" applyFont="1" applyFill="1" applyBorder="1" applyAlignment="1">
      <alignment vertical="top"/>
    </xf>
    <xf numFmtId="14" fontId="8" fillId="8" borderId="1" xfId="20" applyNumberFormat="1" applyFont="1" applyFill="1" applyBorder="1" applyAlignment="1">
      <alignment horizontal="left" vertical="top"/>
    </xf>
    <xf numFmtId="0" fontId="8" fillId="8" borderId="1" xfId="0" applyFont="1" applyFill="1" applyBorder="1" applyAlignment="1">
      <alignment wrapText="1"/>
    </xf>
    <xf numFmtId="49" fontId="8" fillId="8" borderId="1" xfId="0" applyNumberFormat="1" applyFont="1" applyFill="1" applyBorder="1" applyAlignment="1">
      <alignment vertical="top" wrapText="1"/>
    </xf>
    <xf numFmtId="0" fontId="8" fillId="8" borderId="1" xfId="20" applyFont="1" applyFill="1" applyBorder="1" applyAlignment="1">
      <alignment horizontal="left" vertical="top" wrapText="1"/>
    </xf>
    <xf numFmtId="0" fontId="8" fillId="8" borderId="1" xfId="20" applyFont="1" applyFill="1" applyBorder="1" applyAlignment="1">
      <alignment horizontal="left" vertical="top"/>
    </xf>
    <xf numFmtId="49" fontId="8" fillId="8" borderId="1" xfId="5" applyNumberFormat="1" applyFont="1" applyFill="1" applyBorder="1" applyAlignment="1">
      <alignment horizontal="left" vertical="top"/>
    </xf>
    <xf numFmtId="0" fontId="8" fillId="0" borderId="0" xfId="0" applyFont="1"/>
    <xf numFmtId="49" fontId="21" fillId="0" borderId="7" xfId="0" applyNumberFormat="1" applyFont="1" applyFill="1" applyBorder="1" applyAlignment="1">
      <alignment horizontal="left" vertical="top" wrapText="1"/>
    </xf>
    <xf numFmtId="0" fontId="8" fillId="6" borderId="1" xfId="0" applyFont="1" applyFill="1" applyBorder="1" applyAlignment="1">
      <alignment horizontal="left" vertical="top" wrapText="1"/>
    </xf>
    <xf numFmtId="49" fontId="2" fillId="0" borderId="0" xfId="0" applyNumberFormat="1" applyFont="1" applyAlignment="1">
      <alignment horizontal="left" vertical="center" wrapText="1"/>
    </xf>
    <xf numFmtId="49" fontId="9" fillId="0" borderId="0" xfId="0" applyNumberFormat="1" applyFont="1" applyFill="1" applyAlignment="1">
      <alignment horizontal="left" wrapText="1"/>
    </xf>
    <xf numFmtId="49" fontId="5" fillId="0" borderId="0" xfId="0" applyNumberFormat="1" applyFont="1" applyFill="1" applyAlignment="1">
      <alignment horizontal="left" wrapText="1"/>
    </xf>
    <xf numFmtId="49" fontId="2" fillId="0" borderId="0" xfId="0" applyNumberFormat="1" applyFont="1" applyAlignment="1">
      <alignment horizontal="left" wrapText="1"/>
    </xf>
    <xf numFmtId="49" fontId="29" fillId="0" borderId="0" xfId="0" applyNumberFormat="1" applyFont="1" applyFill="1" applyAlignment="1">
      <alignment horizontal="left" vertical="top" wrapText="1"/>
    </xf>
    <xf numFmtId="49" fontId="5" fillId="0" borderId="0" xfId="0" applyNumberFormat="1" applyFont="1" applyAlignment="1">
      <alignment horizontal="left" wrapText="1"/>
    </xf>
    <xf numFmtId="49" fontId="5" fillId="0" borderId="0" xfId="0" applyNumberFormat="1" applyFont="1" applyAlignment="1">
      <alignment horizontal="left" vertical="top" wrapText="1"/>
    </xf>
    <xf numFmtId="14" fontId="8" fillId="0" borderId="1" xfId="21" applyNumberFormat="1" applyFont="1" applyFill="1" applyBorder="1" applyAlignment="1">
      <alignment vertical="top"/>
    </xf>
    <xf numFmtId="165" fontId="40" fillId="0" borderId="2" xfId="1" applyNumberFormat="1" applyFont="1" applyFill="1" applyBorder="1" applyAlignment="1">
      <alignment horizontal="left" vertical="top" wrapText="1"/>
    </xf>
    <xf numFmtId="14" fontId="21" fillId="0" borderId="5" xfId="21" applyNumberFormat="1" applyFont="1" applyBorder="1" applyAlignment="1">
      <alignment horizontal="center" vertical="top"/>
    </xf>
    <xf numFmtId="14" fontId="8" fillId="0" borderId="5" xfId="21" applyNumberFormat="1" applyFont="1" applyFill="1" applyBorder="1" applyAlignment="1">
      <alignment vertical="top"/>
    </xf>
    <xf numFmtId="0" fontId="21" fillId="0" borderId="5" xfId="21" applyFont="1" applyBorder="1" applyAlignment="1">
      <alignment vertical="top"/>
    </xf>
    <xf numFmtId="0" fontId="21" fillId="0" borderId="5" xfId="21" applyFont="1" applyBorder="1" applyAlignment="1">
      <alignment vertical="top" wrapText="1"/>
    </xf>
    <xf numFmtId="0" fontId="30" fillId="0" borderId="5" xfId="21" applyFont="1" applyBorder="1" applyAlignment="1">
      <alignment vertical="top" wrapText="1"/>
    </xf>
    <xf numFmtId="0" fontId="21" fillId="0" borderId="5" xfId="21" applyFont="1" applyBorder="1" applyAlignment="1">
      <alignment horizontal="center" vertical="top"/>
    </xf>
    <xf numFmtId="0" fontId="21" fillId="0" borderId="5" xfId="21" applyFont="1" applyBorder="1" applyAlignment="1">
      <alignment horizontal="left" vertical="top"/>
    </xf>
    <xf numFmtId="0" fontId="8" fillId="10" borderId="1" xfId="20" applyFont="1" applyFill="1" applyBorder="1" applyAlignment="1">
      <alignment vertical="top"/>
    </xf>
    <xf numFmtId="0" fontId="8" fillId="0" borderId="1" xfId="0" applyFont="1" applyBorder="1"/>
    <xf numFmtId="14" fontId="8" fillId="11" borderId="1" xfId="21" applyNumberFormat="1" applyFont="1" applyFill="1" applyBorder="1" applyAlignment="1">
      <alignment vertical="top"/>
    </xf>
    <xf numFmtId="0" fontId="21" fillId="0" borderId="0" xfId="21" applyFont="1" applyFill="1" applyAlignment="1">
      <alignment vertical="top"/>
    </xf>
    <xf numFmtId="0" fontId="31" fillId="7" borderId="9" xfId="0" applyFont="1" applyFill="1" applyBorder="1" applyAlignment="1">
      <alignment horizontal="center" vertical="top" wrapText="1"/>
    </xf>
    <xf numFmtId="0" fontId="21" fillId="7" borderId="25" xfId="0" applyFont="1" applyFill="1" applyBorder="1" applyAlignment="1">
      <alignment horizontal="center" vertical="top" wrapText="1"/>
    </xf>
    <xf numFmtId="0" fontId="21" fillId="7" borderId="15" xfId="0" applyFont="1" applyFill="1" applyBorder="1" applyAlignment="1">
      <alignment horizontal="center" vertical="top" wrapText="1"/>
    </xf>
    <xf numFmtId="49" fontId="3" fillId="2" borderId="16" xfId="4" applyNumberFormat="1" applyFont="1" applyFill="1" applyBorder="1" applyAlignment="1">
      <alignment horizontal="center" vertical="center" wrapText="1"/>
    </xf>
    <xf numFmtId="49" fontId="3" fillId="2" borderId="19" xfId="4" applyNumberFormat="1" applyFont="1" applyFill="1" applyBorder="1" applyAlignment="1">
      <alignment horizontal="center" vertical="center" wrapText="1"/>
    </xf>
    <xf numFmtId="49" fontId="3" fillId="2" borderId="13" xfId="4" applyNumberFormat="1" applyFont="1" applyFill="1" applyBorder="1" applyAlignment="1">
      <alignment horizontal="center" vertical="center" wrapText="1"/>
    </xf>
    <xf numFmtId="0" fontId="21" fillId="0" borderId="0" xfId="4" applyNumberFormat="1" applyFont="1" applyFill="1" applyAlignment="1">
      <alignment horizontal="left" vertical="top" wrapText="1"/>
    </xf>
    <xf numFmtId="0" fontId="21" fillId="0" borderId="0" xfId="0" applyFont="1" applyAlignment="1">
      <alignment wrapText="1"/>
    </xf>
    <xf numFmtId="0" fontId="31" fillId="0" borderId="0" xfId="4" applyNumberFormat="1" applyFont="1" applyFill="1" applyAlignment="1" applyProtection="1">
      <alignment vertical="top" wrapText="1"/>
      <protection locked="0"/>
    </xf>
    <xf numFmtId="0" fontId="21" fillId="0" borderId="0" xfId="0" applyFont="1" applyAlignment="1">
      <alignment vertical="top" wrapText="1"/>
    </xf>
    <xf numFmtId="49" fontId="21" fillId="0" borderId="40" xfId="4" applyNumberFormat="1" applyFont="1" applyFill="1" applyBorder="1" applyAlignment="1">
      <alignment vertical="top" wrapText="1"/>
    </xf>
    <xf numFmtId="0" fontId="21" fillId="0" borderId="40" xfId="0" applyFont="1" applyBorder="1" applyAlignment="1">
      <alignment wrapText="1"/>
    </xf>
    <xf numFmtId="49" fontId="5" fillId="0" borderId="0" xfId="0" applyNumberFormat="1" applyFont="1" applyFill="1" applyAlignment="1">
      <alignment horizontal="left" vertical="top" wrapText="1"/>
    </xf>
    <xf numFmtId="49" fontId="3" fillId="2" borderId="21" xfId="4" applyNumberFormat="1" applyFont="1" applyFill="1" applyBorder="1" applyAlignment="1">
      <alignment horizontal="center" vertical="center" wrapText="1"/>
    </xf>
    <xf numFmtId="0" fontId="2" fillId="2" borderId="19" xfId="4" applyFont="1" applyFill="1" applyBorder="1" applyAlignment="1">
      <alignment horizontal="center" vertical="center" wrapText="1"/>
    </xf>
    <xf numFmtId="0" fontId="2" fillId="2" borderId="22" xfId="4" applyFont="1" applyFill="1" applyBorder="1" applyAlignment="1">
      <alignment horizontal="center" vertical="center" wrapText="1"/>
    </xf>
    <xf numFmtId="49" fontId="21" fillId="0" borderId="0" xfId="0" applyNumberFormat="1" applyFont="1" applyFill="1" applyAlignment="1">
      <alignment horizontal="left" vertical="top" wrapText="1"/>
    </xf>
    <xf numFmtId="0" fontId="21" fillId="0" borderId="0" xfId="0" applyNumberFormat="1" applyFont="1" applyFill="1" applyAlignment="1">
      <alignment horizontal="left" vertical="top" wrapText="1"/>
    </xf>
    <xf numFmtId="49" fontId="21" fillId="0" borderId="0" xfId="0" applyNumberFormat="1" applyFont="1" applyAlignment="1">
      <alignment horizontal="left" vertical="top"/>
    </xf>
    <xf numFmtId="49" fontId="31" fillId="2" borderId="21" xfId="0" applyNumberFormat="1" applyFont="1" applyFill="1" applyBorder="1" applyAlignment="1">
      <alignment horizontal="center" vertical="top" wrapText="1"/>
    </xf>
    <xf numFmtId="49" fontId="31" fillId="2" borderId="22" xfId="0" applyNumberFormat="1" applyFont="1" applyFill="1" applyBorder="1" applyAlignment="1">
      <alignment horizontal="center" vertical="top" wrapText="1"/>
    </xf>
    <xf numFmtId="0" fontId="21" fillId="2" borderId="19" xfId="0" applyFont="1" applyFill="1" applyBorder="1" applyAlignment="1">
      <alignment horizontal="center" vertical="top" wrapText="1"/>
    </xf>
    <xf numFmtId="0" fontId="21" fillId="2" borderId="22" xfId="0" applyFont="1" applyFill="1" applyBorder="1" applyAlignment="1">
      <alignment horizontal="center" vertical="top" wrapText="1"/>
    </xf>
    <xf numFmtId="49" fontId="31" fillId="2" borderId="19" xfId="0" applyNumberFormat="1" applyFont="1" applyFill="1" applyBorder="1" applyAlignment="1">
      <alignment horizontal="center" vertical="top" wrapText="1"/>
    </xf>
    <xf numFmtId="0" fontId="23" fillId="0" borderId="0" xfId="0" applyFont="1" applyAlignment="1">
      <alignment horizontal="left" vertical="top" wrapText="1"/>
    </xf>
    <xf numFmtId="0" fontId="31" fillId="0" borderId="40" xfId="0" applyNumberFormat="1" applyFont="1" applyFill="1" applyBorder="1" applyAlignment="1" applyProtection="1">
      <alignment vertical="top" wrapText="1"/>
      <protection locked="0"/>
    </xf>
    <xf numFmtId="0" fontId="21" fillId="0" borderId="40" xfId="0" applyFont="1" applyFill="1" applyBorder="1" applyAlignment="1">
      <alignment vertical="top" wrapText="1"/>
    </xf>
    <xf numFmtId="0" fontId="4" fillId="2" borderId="21" xfId="0" applyFont="1" applyFill="1" applyBorder="1" applyAlignment="1">
      <alignment horizontal="center" wrapText="1"/>
    </xf>
    <xf numFmtId="0" fontId="4" fillId="2" borderId="22" xfId="0" applyFont="1" applyFill="1" applyBorder="1" applyAlignment="1">
      <alignment horizontal="center" wrapText="1"/>
    </xf>
    <xf numFmtId="0" fontId="4" fillId="2" borderId="21" xfId="0" applyFont="1" applyFill="1" applyBorder="1" applyAlignment="1">
      <alignment horizontal="center"/>
    </xf>
    <xf numFmtId="0" fontId="0" fillId="2" borderId="19" xfId="0" applyFill="1" applyBorder="1" applyAlignment="1">
      <alignment horizontal="center"/>
    </xf>
    <xf numFmtId="0" fontId="0" fillId="2" borderId="22" xfId="0" applyFill="1" applyBorder="1" applyAlignment="1">
      <alignment horizontal="center"/>
    </xf>
    <xf numFmtId="0" fontId="2" fillId="0" borderId="0" xfId="0" applyNumberFormat="1" applyFont="1" applyFill="1" applyAlignment="1">
      <alignment horizontal="left" vertical="top" wrapText="1"/>
    </xf>
    <xf numFmtId="0" fontId="0" fillId="0" borderId="0" xfId="0" applyAlignment="1">
      <alignment wrapText="1"/>
    </xf>
    <xf numFmtId="0" fontId="3" fillId="0" borderId="0" xfId="0" applyNumberFormat="1" applyFont="1" applyFill="1" applyAlignment="1" applyProtection="1">
      <alignment vertical="top" wrapText="1"/>
      <protection locked="0"/>
    </xf>
    <xf numFmtId="0" fontId="16" fillId="0" borderId="0" xfId="0" applyFont="1" applyAlignment="1">
      <alignment horizontal="left" vertical="top" wrapText="1"/>
    </xf>
    <xf numFmtId="0" fontId="0" fillId="0" borderId="0" xfId="0" applyAlignment="1">
      <alignment vertical="top"/>
    </xf>
    <xf numFmtId="0" fontId="4" fillId="2" borderId="20" xfId="0" applyFont="1" applyFill="1" applyBorder="1" applyAlignment="1">
      <alignment vertical="center"/>
    </xf>
    <xf numFmtId="0" fontId="0" fillId="2" borderId="18" xfId="0" applyFill="1" applyBorder="1" applyAlignment="1">
      <alignment vertical="center"/>
    </xf>
    <xf numFmtId="49" fontId="3" fillId="2" borderId="23" xfId="0" applyNumberFormat="1" applyFont="1" applyFill="1" applyBorder="1" applyAlignment="1">
      <alignment horizontal="center" vertical="center" wrapText="1"/>
    </xf>
    <xf numFmtId="49" fontId="3" fillId="2" borderId="24" xfId="0" applyNumberFormat="1" applyFont="1" applyFill="1" applyBorder="1" applyAlignment="1">
      <alignment horizontal="center" vertical="center" wrapText="1"/>
    </xf>
    <xf numFmtId="49" fontId="3" fillId="2" borderId="21" xfId="0" applyNumberFormat="1" applyFont="1" applyFill="1" applyBorder="1" applyAlignment="1">
      <alignment horizontal="center" vertical="center" wrapText="1"/>
    </xf>
    <xf numFmtId="0" fontId="0" fillId="2" borderId="19" xfId="0" applyFill="1" applyBorder="1" applyAlignment="1">
      <alignment horizontal="center" vertical="center" wrapText="1"/>
    </xf>
    <xf numFmtId="0" fontId="0" fillId="2" borderId="22" xfId="0" applyFill="1" applyBorder="1" applyAlignment="1">
      <alignment horizontal="center" vertical="center" wrapText="1"/>
    </xf>
    <xf numFmtId="49" fontId="3" fillId="2" borderId="16" xfId="0" applyNumberFormat="1" applyFont="1" applyFill="1" applyBorder="1" applyAlignment="1">
      <alignment horizontal="center" vertical="center" wrapText="1"/>
    </xf>
    <xf numFmtId="49" fontId="3" fillId="2" borderId="13" xfId="0" applyNumberFormat="1" applyFont="1" applyFill="1" applyBorder="1" applyAlignment="1">
      <alignment horizontal="center" vertical="center" wrapText="1"/>
    </xf>
    <xf numFmtId="0" fontId="16" fillId="0" borderId="0" xfId="0" applyFont="1" applyAlignment="1">
      <alignment horizontal="left" wrapText="1"/>
    </xf>
    <xf numFmtId="0" fontId="0" fillId="0" borderId="0" xfId="0" applyAlignment="1"/>
    <xf numFmtId="0" fontId="15" fillId="0" borderId="0" xfId="0" applyFont="1" applyAlignment="1">
      <alignment wrapText="1"/>
    </xf>
    <xf numFmtId="0" fontId="21" fillId="0" borderId="1" xfId="21" applyFont="1" applyBorder="1" applyAlignment="1">
      <alignment horizontal="center" vertical="top" wrapText="1"/>
    </xf>
  </cellXfs>
  <cellStyles count="22">
    <cellStyle name="Hyperlink 2" xfId="3" xr:uid="{00000000-0005-0000-0000-000000000000}"/>
    <cellStyle name="Normal" xfId="0" builtinId="0"/>
    <cellStyle name="Normal 10" xfId="20" xr:uid="{00000000-0005-0000-0000-000002000000}"/>
    <cellStyle name="Normal 10 2" xfId="21" xr:uid="{00000000-0005-0000-0000-000003000000}"/>
    <cellStyle name="Normal 2" xfId="4" xr:uid="{00000000-0005-0000-0000-000004000000}"/>
    <cellStyle name="Normal 2 2" xfId="5" xr:uid="{00000000-0005-0000-0000-000005000000}"/>
    <cellStyle name="Normal 2 2 2" xfId="6" xr:uid="{00000000-0005-0000-0000-000006000000}"/>
    <cellStyle name="Normal 2 3" xfId="7" xr:uid="{00000000-0005-0000-0000-000007000000}"/>
    <cellStyle name="Normal 2 4" xfId="8" xr:uid="{00000000-0005-0000-0000-000008000000}"/>
    <cellStyle name="Normal 2 5" xfId="9" xr:uid="{00000000-0005-0000-0000-000009000000}"/>
    <cellStyle name="Normal 3" xfId="1" xr:uid="{00000000-0005-0000-0000-00000A000000}"/>
    <cellStyle name="Normal 3 2" xfId="10" xr:uid="{00000000-0005-0000-0000-00000B000000}"/>
    <cellStyle name="Normal 3 2 2" xfId="11" xr:uid="{00000000-0005-0000-0000-00000C000000}"/>
    <cellStyle name="Normal 4" xfId="2" xr:uid="{00000000-0005-0000-0000-00000D000000}"/>
    <cellStyle name="Normal 4 2" xfId="12" xr:uid="{00000000-0005-0000-0000-00000E000000}"/>
    <cellStyle name="Normal 5" xfId="13" xr:uid="{00000000-0005-0000-0000-00000F000000}"/>
    <cellStyle name="Normal 5 2" xfId="14" xr:uid="{00000000-0005-0000-0000-000010000000}"/>
    <cellStyle name="Normal 6" xfId="15" xr:uid="{00000000-0005-0000-0000-000011000000}"/>
    <cellStyle name="Normal 7" xfId="16" xr:uid="{00000000-0005-0000-0000-000012000000}"/>
    <cellStyle name="Normal 8" xfId="17" xr:uid="{00000000-0005-0000-0000-000013000000}"/>
    <cellStyle name="Normal 9" xfId="18" xr:uid="{00000000-0005-0000-0000-000014000000}"/>
    <cellStyle name="Normal 9 2" xfId="19" xr:uid="{00000000-0005-0000-0000-000015000000}"/>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styles" Target="style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1</xdr:col>
          <xdr:colOff>304800</xdr:colOff>
          <xdr:row>4</xdr:row>
          <xdr:rowOff>38100</xdr:rowOff>
        </xdr:to>
        <xdr:sp macro="" textlink="">
          <xdr:nvSpPr>
            <xdr:cNvPr id="4134" name="Object 38" hidden="1">
              <a:extLst>
                <a:ext uri="{63B3BB69-23CF-44E3-9099-C40C66FF867C}">
                  <a14:compatExt spid="_x0000_s4134"/>
                </a:ext>
                <a:ext uri="{FF2B5EF4-FFF2-40B4-BE49-F238E27FC236}">
                  <a16:creationId xmlns:a16="http://schemas.microsoft.com/office/drawing/2014/main" id="{00000000-0008-0000-0000-00002610000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0953\0953A\Customers\Iowa\Iowa%20Req-rt%20working\EDI_R3_EditMatrix%20(12-13-15)%20rt.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TFILE002\O%20DRIVE\0953\0953A\Customers\North%20Carolina\Product%20Support%20Information\Product%20Specific\2-FROI-SROI\NCIC%20Requirements\Edit%20Matrix\NCIC%20Claims%20R3%20EditMatrix%20(2-1-1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TFILE002\O%20DRIVE\0953\0953A\Customers\North%20Carolina\Product%20Support%20Information\Product%20Specific\2-FROI-SROI\NCIC%20Requirements\Edit%20Matrix\NCIC%20Claims%20R3%20EditMatrix%20(2-9-1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TFILE002\O%20Drive\0953\0953A\Customers\Alaska\Project%20Management%20Tools\2011%20Implementation\Requirements\ADOL%20Approved%20EDI%20Requirements\Final%20ADOL%20Req%20without%20Track%20Changes\Archive\ADOL%20R3%20Edit%20Matrix%20(5-5-11%20Final).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i55909\Downloads\IAIABC%20Claims%20R3%20Edit-Matrix_20160504%20(05-31-16).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NTFILE002\O%20DRIVE\0953\0953A\Customers\NJCRIB\Product%20Support%20Information\Product%20Specific\3-FROI-SROI-Release%203\Requirements\NJCRIB%20R3%20Element%20Requirement%20Table%20(07.05.11)\NJCRIB%20R3%20Edit%20Matrix%20(05.16.11).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PI Body Part Code(s) Worksheet"/>
      <sheetName val="Match Data Table"/>
      <sheetName val="Population Restrictions-ISO Sug"/>
      <sheetName val="Population Restrictions-IWD"/>
      <sheetName val="Sequencing"/>
    </sheetNames>
    <sheetDataSet>
      <sheetData sheetId="0"/>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sheetData>
      <sheetData sheetId="2"/>
      <sheetData sheetId="3"/>
      <sheetData sheetId="4"/>
      <sheetData sheetId="5"/>
      <sheetData sheetId="6"/>
      <sheetData sheetId="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DONE Value Table"/>
      <sheetName val="Need Final-Match Data Table"/>
      <sheetName val="Population Restrictions"/>
      <sheetName val="Sequencing"/>
      <sheetName val="Value Table"/>
      <sheetName val="Match Data Table"/>
    </sheetNames>
    <sheetDataSet>
      <sheetData sheetId="0"/>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v>
          </cell>
        </row>
      </sheetData>
      <sheetData sheetId="2"/>
      <sheetData sheetId="3"/>
      <sheetData sheetId="4"/>
      <sheetData sheetId="5"/>
      <sheetData sheetId="6"/>
      <sheetData sheetId="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Population Restrictions"/>
      <sheetName val="Sequencing"/>
    </sheetNames>
    <sheetDataSet>
      <sheetData sheetId="0" refreshError="1"/>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v>
          </cell>
        </row>
      </sheetData>
      <sheetData sheetId="2" refreshError="1"/>
      <sheetData sheetId="3" refreshError="1"/>
      <sheetData sheetId="4"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nge Log"/>
      <sheetName val="DN-Error Message"/>
      <sheetName val="Pop Restrictions"/>
      <sheetName val="Valid Value Table"/>
      <sheetName val="Sequencing"/>
      <sheetName val="Match Data Table"/>
    </sheetNames>
    <sheetDataSet>
      <sheetData sheetId="0"/>
      <sheetData sheetId="1">
        <row r="2">
          <cell r="B2" t="str">
            <v>Edit Matrix Population Legend:
F = Edit applies to the data elements deemed essential for a transmission/transaction to be processed.
L = *Not grayed out:  Edit applies to the data elements based on the 
           requirements indicated on the Element Re</v>
          </cell>
        </row>
      </sheetData>
      <sheetData sheetId="2"/>
      <sheetData sheetId="3"/>
      <sheetData sheetId="4"/>
      <sheetData sheetId="5"/>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AIABC Track Changes"/>
      <sheetName val="DN-Error Message"/>
      <sheetName val="PI Body Part Code(s) Worksheet"/>
      <sheetName val="Value Table"/>
      <sheetName val="Match Data Table"/>
      <sheetName val="Population Restrictions"/>
      <sheetName val="Sequencing"/>
    </sheetNames>
    <sheetDataSet>
      <sheetData sheetId="0"/>
      <sheetData sheetId="1"/>
      <sheetData sheetId="2">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Latest Return to Work Status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 xml:space="preserve">Employer Paid Salary Prior To Acquisition Code </v>
          </cell>
        </row>
        <row r="168">
          <cell r="B168" t="str">
            <v>Work Week Type Code</v>
          </cell>
        </row>
        <row r="169">
          <cell r="B169" t="str">
            <v>Work Days Scheduled Code</v>
          </cell>
        </row>
        <row r="170">
          <cell r="B170" t="str">
            <v>Employee Security ID</v>
          </cell>
        </row>
        <row r="171">
          <cell r="B171" t="str">
            <v>Managed Care Organization Code</v>
          </cell>
        </row>
        <row r="172">
          <cell r="B172" t="str">
            <v>Managed Care Organization Identification Number</v>
          </cell>
        </row>
        <row r="173">
          <cell r="B173" t="str">
            <v>Managed Care Organization Name</v>
          </cell>
        </row>
        <row r="174">
          <cell r="B174" t="str">
            <v>Net Weekly Amount Effective Date</v>
          </cell>
        </row>
        <row r="175">
          <cell r="B175" t="str">
            <v>Non-Consecutive Period Code</v>
          </cell>
        </row>
        <row r="176">
          <cell r="B176" t="str">
            <v>Employee Number of Entitled Exemptions</v>
          </cell>
        </row>
        <row r="177">
          <cell r="B177" t="str">
            <v>Other Benefit Type Amount</v>
          </cell>
        </row>
        <row r="178">
          <cell r="B178" t="str">
            <v>Other Benefit Type Code</v>
          </cell>
        </row>
        <row r="179">
          <cell r="B179" t="str">
            <v>Payee</v>
          </cell>
        </row>
        <row r="180">
          <cell r="B180" t="str">
            <v>Payment Amount</v>
          </cell>
        </row>
        <row r="181">
          <cell r="B181" t="str">
            <v>Payment Covers Period Start Date</v>
          </cell>
        </row>
        <row r="182">
          <cell r="B182" t="str">
            <v>Payment Covers Period Through Date</v>
          </cell>
        </row>
        <row r="183">
          <cell r="B183" t="str">
            <v>Payment Reason Code</v>
          </cell>
        </row>
        <row r="184">
          <cell r="B184" t="str">
            <v>Permanent Impairment Minimum Payment Indicator</v>
          </cell>
        </row>
        <row r="185">
          <cell r="B185" t="str">
            <v>Physical Restrictions Indicator</v>
          </cell>
        </row>
        <row r="186">
          <cell r="B186" t="str">
            <v>Recovery Amount</v>
          </cell>
        </row>
        <row r="187">
          <cell r="B187" t="str">
            <v>Recovery Code</v>
          </cell>
        </row>
        <row r="188">
          <cell r="B188" t="str">
            <v>Return to Work With Same Employer Indicator</v>
          </cell>
        </row>
        <row r="189">
          <cell r="B189" t="str">
            <v>Injury Severity Type Code</v>
          </cell>
        </row>
        <row r="190">
          <cell r="B190" t="str">
            <v xml:space="preserve">Employer ID Assigned by Jurisdiction </v>
          </cell>
        </row>
        <row r="191">
          <cell r="B191" t="str">
            <v>Manual Classification Sub-Code</v>
          </cell>
        </row>
        <row r="192">
          <cell r="B192" t="str">
            <v>Suspension Narrative</v>
          </cell>
        </row>
        <row r="193">
          <cell r="B193" t="str">
            <v>Witness Business Phone Number</v>
          </cell>
        </row>
        <row r="194">
          <cell r="B194" t="str">
            <v>Witness Name</v>
          </cell>
        </row>
        <row r="195">
          <cell r="B195" t="str">
            <v>Reduced Earnings Week Number</v>
          </cell>
        </row>
        <row r="196">
          <cell r="B196" t="str">
            <v>Accident Premises Code</v>
          </cell>
        </row>
        <row r="197">
          <cell r="B197" t="str">
            <v>Employee Last Name Suffix</v>
          </cell>
        </row>
        <row r="198">
          <cell r="B198" t="str">
            <v>Wage Effective Date</v>
          </cell>
        </row>
        <row r="199">
          <cell r="B199" t="str">
            <v>Employee ID Type Qualifier</v>
          </cell>
        </row>
        <row r="200">
          <cell r="B200" t="str">
            <v>Employer Paid Salary in Lieu of Compensation Indicator</v>
          </cell>
        </row>
        <row r="201">
          <cell r="B201" t="str">
            <v>Number of Accident/Injury Description Narratives</v>
          </cell>
        </row>
        <row r="202">
          <cell r="B202" t="str">
            <v>Number of Concurrent Employers</v>
          </cell>
        </row>
        <row r="203">
          <cell r="B203" t="str">
            <v>Number of Denial Reason Narratives</v>
          </cell>
        </row>
        <row r="204">
          <cell r="B204" t="str">
            <v>Number of Full Denial Reason Codes</v>
          </cell>
        </row>
        <row r="205">
          <cell r="B205" t="str">
            <v>Number of Managed Care Organizations</v>
          </cell>
        </row>
        <row r="206">
          <cell r="B206" t="str">
            <v>Number of Witnesses</v>
          </cell>
        </row>
        <row r="207">
          <cell r="B207" t="str">
            <v>Accident Site Country Code</v>
          </cell>
        </row>
        <row r="208">
          <cell r="B208" t="str">
            <v>Date Employer Had Knowledge of Date of Disability</v>
          </cell>
        </row>
        <row r="209">
          <cell r="B209" t="str">
            <v>Number of Other Benefits</v>
          </cell>
        </row>
        <row r="210">
          <cell r="B210" t="str">
            <v>Number of Payments</v>
          </cell>
        </row>
        <row r="211">
          <cell r="B211" t="str">
            <v>Number of Recoveries</v>
          </cell>
        </row>
        <row r="212">
          <cell r="B212" t="str">
            <v>Number of Reduced Earnings</v>
          </cell>
        </row>
        <row r="213">
          <cell r="B213" t="str">
            <v>Average Wage</v>
          </cell>
        </row>
        <row r="214">
          <cell r="B214" t="str">
            <v>Number of Suspension Narratives</v>
          </cell>
        </row>
        <row r="215">
          <cell r="B215" t="str">
            <v>Number of Benefits</v>
          </cell>
        </row>
        <row r="216">
          <cell r="B216" t="str">
            <v>Number of Benefit ACR</v>
          </cell>
        </row>
        <row r="217">
          <cell r="B217" t="str">
            <v>Type of Loss Code</v>
          </cell>
        </row>
        <row r="218">
          <cell r="B218" t="str">
            <v>Insolvent Insurer FEIN</v>
          </cell>
        </row>
        <row r="219">
          <cell r="B219" t="str">
            <v>Lump Sum Payment/Settlement Code</v>
          </cell>
        </row>
        <row r="220">
          <cell r="B220" t="str">
            <v>Partial Denial Code</v>
          </cell>
        </row>
        <row r="221">
          <cell r="B221" t="str">
            <v xml:space="preserve">Maintenance Type Correction Code </v>
          </cell>
        </row>
        <row r="222">
          <cell r="B222" t="str">
            <v>Maintenance Type Correction Code Date</v>
          </cell>
        </row>
        <row r="223">
          <cell r="B223" t="str">
            <v>First Day of Disability After the Waiting Period</v>
          </cell>
        </row>
        <row r="224">
          <cell r="B224" t="str">
            <v>Date Claim Administrator Knew Disability Exceeded the Waiting Period</v>
          </cell>
        </row>
        <row r="225">
          <cell r="B225" t="str">
            <v>Award/Order Date</v>
          </cell>
        </row>
        <row r="226">
          <cell r="B226" t="str">
            <v>Insured FEIN</v>
          </cell>
        </row>
        <row r="227">
          <cell r="B227" t="str">
            <v>Employer UI Number</v>
          </cell>
        </row>
      </sheetData>
      <sheetData sheetId="3"/>
      <sheetData sheetId="4"/>
      <sheetData sheetId="5"/>
      <sheetData sheetId="6"/>
      <sheetData sheetId="7"/>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 Log"/>
      <sheetName val="DN-Error Message"/>
      <sheetName val="Population Restrictions"/>
      <sheetName val="Value Table"/>
      <sheetName val="Match Data Table"/>
      <sheetName val="Sequencing"/>
    </sheetNames>
    <sheetDataSet>
      <sheetData sheetId="0"/>
      <sheetData sheetId="1"/>
      <sheetData sheetId="2">
        <row r="1">
          <cell r="B1" t="str">
            <v>Edit Matrix Population Legend:
F = Edit applies to the data elements deemed essential for a transmission/transaction to be processed.
L = *Not grayed out:  Edit applies to the data elements based on 
       the requirements indicated on the Element Requir</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 (NAICS Required)</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Current Return to Work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Managed Care Organization Code</v>
          </cell>
        </row>
        <row r="168">
          <cell r="B168" t="str">
            <v>Managed Care Organization Identification Number</v>
          </cell>
        </row>
        <row r="169">
          <cell r="B169" t="str">
            <v>Managed Care Organization Name</v>
          </cell>
        </row>
        <row r="170">
          <cell r="B170" t="str">
            <v>Net Weekly Amount Effective Date</v>
          </cell>
        </row>
        <row r="171">
          <cell r="B171" t="str">
            <v>Non-Consecutive Period Code</v>
          </cell>
        </row>
        <row r="172">
          <cell r="B172" t="str">
            <v>Employee Number of Entitled Exemptions</v>
          </cell>
        </row>
        <row r="173">
          <cell r="B173" t="str">
            <v>Other Benefit Type Amount</v>
          </cell>
        </row>
        <row r="174">
          <cell r="B174" t="str">
            <v>Other Benefit Type Code</v>
          </cell>
        </row>
        <row r="175">
          <cell r="B175" t="str">
            <v>Payee</v>
          </cell>
        </row>
        <row r="176">
          <cell r="B176" t="str">
            <v>Payment Amount</v>
          </cell>
        </row>
        <row r="177">
          <cell r="B177" t="str">
            <v>Payment Covers Period Start Date</v>
          </cell>
        </row>
        <row r="178">
          <cell r="B178" t="str">
            <v>Payment Covers Period Through Date</v>
          </cell>
        </row>
        <row r="179">
          <cell r="B179" t="str">
            <v>Payment Reason Code</v>
          </cell>
        </row>
        <row r="180">
          <cell r="B180" t="str">
            <v>Permanent Impairment Minimum Payment Indicator</v>
          </cell>
        </row>
        <row r="181">
          <cell r="B181" t="str">
            <v>Physical Restrictions Indicator</v>
          </cell>
        </row>
        <row r="182">
          <cell r="B182" t="str">
            <v>Recovery Amount</v>
          </cell>
        </row>
        <row r="183">
          <cell r="B183" t="str">
            <v>Recovery Code</v>
          </cell>
        </row>
        <row r="184">
          <cell r="B184" t="str">
            <v>Return to Work With Same Employer Indicator</v>
          </cell>
        </row>
        <row r="185">
          <cell r="B185" t="str">
            <v>Suspension Narrative</v>
          </cell>
        </row>
        <row r="186">
          <cell r="B186" t="str">
            <v>Witness Business Phone Number</v>
          </cell>
        </row>
        <row r="187">
          <cell r="B187" t="str">
            <v>Witness Name</v>
          </cell>
        </row>
        <row r="188">
          <cell r="B188" t="str">
            <v>Reduced Earnings Week Number</v>
          </cell>
        </row>
        <row r="189">
          <cell r="B189" t="str">
            <v>Accident Premises Code</v>
          </cell>
        </row>
        <row r="190">
          <cell r="B190" t="str">
            <v>Employee Last Name Suffix</v>
          </cell>
        </row>
        <row r="191">
          <cell r="B191" t="str">
            <v>Wage Effective Date</v>
          </cell>
        </row>
        <row r="192">
          <cell r="B192" t="str">
            <v>Employee ID Type Qualifier</v>
          </cell>
        </row>
        <row r="193">
          <cell r="B193" t="str">
            <v>Employer Paid Salary in Lieu of Compensation Indicator</v>
          </cell>
        </row>
        <row r="194">
          <cell r="B194" t="str">
            <v>Number of Accident/Injury Description Narratives</v>
          </cell>
        </row>
        <row r="195">
          <cell r="B195" t="str">
            <v>Number of Concurrent Employers</v>
          </cell>
        </row>
        <row r="196">
          <cell r="B196" t="str">
            <v>Number of Denial Reason Narratives</v>
          </cell>
        </row>
        <row r="197">
          <cell r="B197" t="str">
            <v>Number of Full Denial Reason Codes</v>
          </cell>
        </row>
        <row r="198">
          <cell r="B198" t="str">
            <v>Number of Managed Care Organizations</v>
          </cell>
        </row>
        <row r="199">
          <cell r="B199" t="str">
            <v>Number of Witnesses</v>
          </cell>
        </row>
        <row r="200">
          <cell r="B200" t="str">
            <v>Accident Site Country Code</v>
          </cell>
        </row>
        <row r="201">
          <cell r="B201" t="str">
            <v>Date Employer Had Knowledge of Date of Disability</v>
          </cell>
        </row>
        <row r="202">
          <cell r="B202" t="str">
            <v>Number of Other Benefits</v>
          </cell>
        </row>
        <row r="203">
          <cell r="B203" t="str">
            <v>Number of Payments</v>
          </cell>
        </row>
        <row r="204">
          <cell r="B204" t="str">
            <v>Number of Recoveries</v>
          </cell>
        </row>
        <row r="205">
          <cell r="B205" t="str">
            <v>Number of Reduced Earnings</v>
          </cell>
        </row>
        <row r="206">
          <cell r="B206" t="str">
            <v>Average Wage</v>
          </cell>
        </row>
        <row r="207">
          <cell r="B207" t="str">
            <v>Number of Suspension Narratives</v>
          </cell>
        </row>
        <row r="208">
          <cell r="B208" t="str">
            <v>Number of Benefits</v>
          </cell>
        </row>
        <row r="209">
          <cell r="B209" t="str">
            <v>Number of Benefit ACR</v>
          </cell>
        </row>
        <row r="210">
          <cell r="B210" t="str">
            <v>Type of Loss Code</v>
          </cell>
        </row>
        <row r="211">
          <cell r="B211" t="str">
            <v>Insolvent Insurer FEIN</v>
          </cell>
        </row>
        <row r="212">
          <cell r="B212" t="str">
            <v>Lump Sum Payment/Settlement Code</v>
          </cell>
        </row>
        <row r="213">
          <cell r="B213" t="str">
            <v>Partial Denial Code</v>
          </cell>
        </row>
        <row r="214">
          <cell r="B214" t="str">
            <v xml:space="preserve">Maintenance Type Correction Code </v>
          </cell>
        </row>
        <row r="215">
          <cell r="B215" t="str">
            <v>Maintenance Type Correction Code Date</v>
          </cell>
        </row>
        <row r="216">
          <cell r="B216" t="str">
            <v>Initial Date of Lost Time</v>
          </cell>
        </row>
        <row r="217">
          <cell r="B217" t="str">
            <v>Date Claim Administrator Had Knowledge of Lost Time</v>
          </cell>
        </row>
        <row r="218">
          <cell r="B218" t="str">
            <v>Award/Order Date</v>
          </cell>
        </row>
        <row r="219">
          <cell r="B219" t="str">
            <v>Insured FEIN</v>
          </cell>
        </row>
        <row r="220">
          <cell r="B220" t="str">
            <v>Employer UI Number</v>
          </cell>
        </row>
        <row r="222">
          <cell r="B222" t="str">
            <v>NJCRIB wants this edit</v>
          </cell>
        </row>
      </sheetData>
      <sheetData sheetId="3"/>
      <sheetData sheetId="4"/>
      <sheetData sheetId="5"/>
      <sheetData sheetId="6"/>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image" Target="../media/image1.emf"/><Relationship Id="rId5" Type="http://schemas.openxmlformats.org/officeDocument/2006/relationships/oleObject" Target="../embeddings/oleObject1.bin"/><Relationship Id="rId4"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7"/>
  <sheetViews>
    <sheetView workbookViewId="0">
      <selection activeCell="A19" sqref="A19"/>
    </sheetView>
  </sheetViews>
  <sheetFormatPr defaultRowHeight="12.75" x14ac:dyDescent="0.2"/>
  <sheetData>
    <row r="7" spans="1:1" x14ac:dyDescent="0.2">
      <c r="A7" s="4" t="s">
        <v>90</v>
      </c>
    </row>
  </sheetData>
  <customSheetViews>
    <customSheetView guid="{34A971B7-2B49-464B-9488-16EBEAD081E1}" showRuler="0">
      <selection activeCell="C15" sqref="C15"/>
      <pageMargins left="0.75" right="0.75" top="1" bottom="1" header="0.5" footer="0.5"/>
      <pageSetup orientation="portrait" r:id="rId1"/>
      <headerFooter alignWithMargins="0">
        <oddHeader>&amp;C&amp;"Arial,Bold"&amp;12IAIABC Claims Release 3
Event Table</oddHeader>
      </headerFooter>
    </customSheetView>
  </customSheetViews>
  <phoneticPr fontId="5" type="noConversion"/>
  <pageMargins left="0.75" right="0.75" top="1" bottom="1" header="0.5" footer="0.5"/>
  <pageSetup orientation="portrait" r:id="rId2"/>
  <headerFooter alignWithMargins="0">
    <oddHeader>&amp;C&amp;"Arial,Bold"&amp;12IAIABC Claims Release 3
Event Table</oddHeader>
  </headerFooter>
  <drawing r:id="rId3"/>
  <legacyDrawing r:id="rId4"/>
  <oleObjects>
    <mc:AlternateContent xmlns:mc="http://schemas.openxmlformats.org/markup-compatibility/2006">
      <mc:Choice Requires="x14">
        <oleObject progId="Acrobat Document" dvAspect="DVASPECT_ICON" shapeId="4134" r:id="rId5">
          <objectPr defaultSize="0" r:id="rId6">
            <anchor moveWithCells="1">
              <from>
                <xdr:col>0</xdr:col>
                <xdr:colOff>0</xdr:colOff>
                <xdr:row>0</xdr:row>
                <xdr:rowOff>0</xdr:rowOff>
              </from>
              <to>
                <xdr:col>1</xdr:col>
                <xdr:colOff>304800</xdr:colOff>
                <xdr:row>4</xdr:row>
                <xdr:rowOff>38100</xdr:rowOff>
              </to>
            </anchor>
          </objectPr>
        </oleObject>
      </mc:Choice>
      <mc:Fallback>
        <oleObject progId="Acrobat Document" dvAspect="DVASPECT_ICON" shapeId="4134" r:id="rId5"/>
      </mc:Fallback>
    </mc:AlternateContent>
  </oleObjec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U49"/>
  <sheetViews>
    <sheetView tabSelected="1" zoomScaleNormal="100" workbookViewId="0">
      <pane ySplit="1" topLeftCell="A46" activePane="bottomLeft" state="frozen"/>
      <selection pane="bottomLeft" activeCell="L47" sqref="L47"/>
    </sheetView>
  </sheetViews>
  <sheetFormatPr defaultRowHeight="12.75" x14ac:dyDescent="0.2"/>
  <cols>
    <col min="1" max="1" width="11.140625" style="193" customWidth="1"/>
    <col min="2" max="2" width="9.140625" style="230" customWidth="1"/>
    <col min="3" max="3" width="13" style="230" customWidth="1"/>
    <col min="4" max="4" width="13.5703125" style="230" customWidth="1"/>
    <col min="5" max="5" width="9.7109375" style="139" customWidth="1"/>
    <col min="6" max="6" width="12" style="139" customWidth="1"/>
    <col min="7" max="7" width="13.42578125" style="139" customWidth="1"/>
    <col min="8" max="9" width="51.7109375" style="139" customWidth="1"/>
    <col min="10" max="10" width="36.5703125" style="133" customWidth="1"/>
    <col min="11" max="11" width="13.85546875" style="133" customWidth="1"/>
    <col min="12" max="12" width="6.5703125" style="193" customWidth="1"/>
    <col min="13" max="13" width="7.28515625" style="139" customWidth="1"/>
    <col min="14" max="14" width="10.85546875" style="139" customWidth="1"/>
    <col min="15" max="15" width="7" style="139" customWidth="1"/>
    <col min="16" max="16" width="10" style="139" customWidth="1"/>
    <col min="17" max="257" width="9.140625" style="139"/>
    <col min="258" max="258" width="15" style="139" customWidth="1"/>
    <col min="259" max="259" width="9.7109375" style="139" customWidth="1"/>
    <col min="260" max="260" width="16" style="139" customWidth="1"/>
    <col min="261" max="261" width="9.140625" style="139"/>
    <col min="262" max="262" width="38.85546875" style="139" customWidth="1"/>
    <col min="263" max="263" width="36.85546875" style="139" customWidth="1"/>
    <col min="264" max="264" width="36.5703125" style="139" customWidth="1"/>
    <col min="265" max="265" width="10.85546875" style="139" customWidth="1"/>
    <col min="266" max="513" width="9.140625" style="139"/>
    <col min="514" max="514" width="15" style="139" customWidth="1"/>
    <col min="515" max="515" width="9.7109375" style="139" customWidth="1"/>
    <col min="516" max="516" width="16" style="139" customWidth="1"/>
    <col min="517" max="517" width="9.140625" style="139"/>
    <col min="518" max="518" width="38.85546875" style="139" customWidth="1"/>
    <col min="519" max="519" width="36.85546875" style="139" customWidth="1"/>
    <col min="520" max="520" width="36.5703125" style="139" customWidth="1"/>
    <col min="521" max="521" width="10.85546875" style="139" customWidth="1"/>
    <col min="522" max="769" width="9.140625" style="139"/>
    <col min="770" max="770" width="15" style="139" customWidth="1"/>
    <col min="771" max="771" width="9.7109375" style="139" customWidth="1"/>
    <col min="772" max="772" width="16" style="139" customWidth="1"/>
    <col min="773" max="773" width="9.140625" style="139"/>
    <col min="774" max="774" width="38.85546875" style="139" customWidth="1"/>
    <col min="775" max="775" width="36.85546875" style="139" customWidth="1"/>
    <col min="776" max="776" width="36.5703125" style="139" customWidth="1"/>
    <col min="777" max="777" width="10.85546875" style="139" customWidth="1"/>
    <col min="778" max="1025" width="9.140625" style="139"/>
    <col min="1026" max="1026" width="15" style="139" customWidth="1"/>
    <col min="1027" max="1027" width="9.7109375" style="139" customWidth="1"/>
    <col min="1028" max="1028" width="16" style="139" customWidth="1"/>
    <col min="1029" max="1029" width="9.140625" style="139"/>
    <col min="1030" max="1030" width="38.85546875" style="139" customWidth="1"/>
    <col min="1031" max="1031" width="36.85546875" style="139" customWidth="1"/>
    <col min="1032" max="1032" width="36.5703125" style="139" customWidth="1"/>
    <col min="1033" max="1033" width="10.85546875" style="139" customWidth="1"/>
    <col min="1034" max="1281" width="9.140625" style="139"/>
    <col min="1282" max="1282" width="15" style="139" customWidth="1"/>
    <col min="1283" max="1283" width="9.7109375" style="139" customWidth="1"/>
    <col min="1284" max="1284" width="16" style="139" customWidth="1"/>
    <col min="1285" max="1285" width="9.140625" style="139"/>
    <col min="1286" max="1286" width="38.85546875" style="139" customWidth="1"/>
    <col min="1287" max="1287" width="36.85546875" style="139" customWidth="1"/>
    <col min="1288" max="1288" width="36.5703125" style="139" customWidth="1"/>
    <col min="1289" max="1289" width="10.85546875" style="139" customWidth="1"/>
    <col min="1290" max="1537" width="9.140625" style="139"/>
    <col min="1538" max="1538" width="15" style="139" customWidth="1"/>
    <col min="1539" max="1539" width="9.7109375" style="139" customWidth="1"/>
    <col min="1540" max="1540" width="16" style="139" customWidth="1"/>
    <col min="1541" max="1541" width="9.140625" style="139"/>
    <col min="1542" max="1542" width="38.85546875" style="139" customWidth="1"/>
    <col min="1543" max="1543" width="36.85546875" style="139" customWidth="1"/>
    <col min="1544" max="1544" width="36.5703125" style="139" customWidth="1"/>
    <col min="1545" max="1545" width="10.85546875" style="139" customWidth="1"/>
    <col min="1546" max="1793" width="9.140625" style="139"/>
    <col min="1794" max="1794" width="15" style="139" customWidth="1"/>
    <col min="1795" max="1795" width="9.7109375" style="139" customWidth="1"/>
    <col min="1796" max="1796" width="16" style="139" customWidth="1"/>
    <col min="1797" max="1797" width="9.140625" style="139"/>
    <col min="1798" max="1798" width="38.85546875" style="139" customWidth="1"/>
    <col min="1799" max="1799" width="36.85546875" style="139" customWidth="1"/>
    <col min="1800" max="1800" width="36.5703125" style="139" customWidth="1"/>
    <col min="1801" max="1801" width="10.85546875" style="139" customWidth="1"/>
    <col min="1802" max="2049" width="9.140625" style="139"/>
    <col min="2050" max="2050" width="15" style="139" customWidth="1"/>
    <col min="2051" max="2051" width="9.7109375" style="139" customWidth="1"/>
    <col min="2052" max="2052" width="16" style="139" customWidth="1"/>
    <col min="2053" max="2053" width="9.140625" style="139"/>
    <col min="2054" max="2054" width="38.85546875" style="139" customWidth="1"/>
    <col min="2055" max="2055" width="36.85546875" style="139" customWidth="1"/>
    <col min="2056" max="2056" width="36.5703125" style="139" customWidth="1"/>
    <col min="2057" max="2057" width="10.85546875" style="139" customWidth="1"/>
    <col min="2058" max="2305" width="9.140625" style="139"/>
    <col min="2306" max="2306" width="15" style="139" customWidth="1"/>
    <col min="2307" max="2307" width="9.7109375" style="139" customWidth="1"/>
    <col min="2308" max="2308" width="16" style="139" customWidth="1"/>
    <col min="2309" max="2309" width="9.140625" style="139"/>
    <col min="2310" max="2310" width="38.85546875" style="139" customWidth="1"/>
    <col min="2311" max="2311" width="36.85546875" style="139" customWidth="1"/>
    <col min="2312" max="2312" width="36.5703125" style="139" customWidth="1"/>
    <col min="2313" max="2313" width="10.85546875" style="139" customWidth="1"/>
    <col min="2314" max="2561" width="9.140625" style="139"/>
    <col min="2562" max="2562" width="15" style="139" customWidth="1"/>
    <col min="2563" max="2563" width="9.7109375" style="139" customWidth="1"/>
    <col min="2564" max="2564" width="16" style="139" customWidth="1"/>
    <col min="2565" max="2565" width="9.140625" style="139"/>
    <col min="2566" max="2566" width="38.85546875" style="139" customWidth="1"/>
    <col min="2567" max="2567" width="36.85546875" style="139" customWidth="1"/>
    <col min="2568" max="2568" width="36.5703125" style="139" customWidth="1"/>
    <col min="2569" max="2569" width="10.85546875" style="139" customWidth="1"/>
    <col min="2570" max="2817" width="9.140625" style="139"/>
    <col min="2818" max="2818" width="15" style="139" customWidth="1"/>
    <col min="2819" max="2819" width="9.7109375" style="139" customWidth="1"/>
    <col min="2820" max="2820" width="16" style="139" customWidth="1"/>
    <col min="2821" max="2821" width="9.140625" style="139"/>
    <col min="2822" max="2822" width="38.85546875" style="139" customWidth="1"/>
    <col min="2823" max="2823" width="36.85546875" style="139" customWidth="1"/>
    <col min="2824" max="2824" width="36.5703125" style="139" customWidth="1"/>
    <col min="2825" max="2825" width="10.85546875" style="139" customWidth="1"/>
    <col min="2826" max="3073" width="9.140625" style="139"/>
    <col min="3074" max="3074" width="15" style="139" customWidth="1"/>
    <col min="3075" max="3075" width="9.7109375" style="139" customWidth="1"/>
    <col min="3076" max="3076" width="16" style="139" customWidth="1"/>
    <col min="3077" max="3077" width="9.140625" style="139"/>
    <col min="3078" max="3078" width="38.85546875" style="139" customWidth="1"/>
    <col min="3079" max="3079" width="36.85546875" style="139" customWidth="1"/>
    <col min="3080" max="3080" width="36.5703125" style="139" customWidth="1"/>
    <col min="3081" max="3081" width="10.85546875" style="139" customWidth="1"/>
    <col min="3082" max="3329" width="9.140625" style="139"/>
    <col min="3330" max="3330" width="15" style="139" customWidth="1"/>
    <col min="3331" max="3331" width="9.7109375" style="139" customWidth="1"/>
    <col min="3332" max="3332" width="16" style="139" customWidth="1"/>
    <col min="3333" max="3333" width="9.140625" style="139"/>
    <col min="3334" max="3334" width="38.85546875" style="139" customWidth="1"/>
    <col min="3335" max="3335" width="36.85546875" style="139" customWidth="1"/>
    <col min="3336" max="3336" width="36.5703125" style="139" customWidth="1"/>
    <col min="3337" max="3337" width="10.85546875" style="139" customWidth="1"/>
    <col min="3338" max="3585" width="9.140625" style="139"/>
    <col min="3586" max="3586" width="15" style="139" customWidth="1"/>
    <col min="3587" max="3587" width="9.7109375" style="139" customWidth="1"/>
    <col min="3588" max="3588" width="16" style="139" customWidth="1"/>
    <col min="3589" max="3589" width="9.140625" style="139"/>
    <col min="3590" max="3590" width="38.85546875" style="139" customWidth="1"/>
    <col min="3591" max="3591" width="36.85546875" style="139" customWidth="1"/>
    <col min="3592" max="3592" width="36.5703125" style="139" customWidth="1"/>
    <col min="3593" max="3593" width="10.85546875" style="139" customWidth="1"/>
    <col min="3594" max="3841" width="9.140625" style="139"/>
    <col min="3842" max="3842" width="15" style="139" customWidth="1"/>
    <col min="3843" max="3843" width="9.7109375" style="139" customWidth="1"/>
    <col min="3844" max="3844" width="16" style="139" customWidth="1"/>
    <col min="3845" max="3845" width="9.140625" style="139"/>
    <col min="3846" max="3846" width="38.85546875" style="139" customWidth="1"/>
    <col min="3847" max="3847" width="36.85546875" style="139" customWidth="1"/>
    <col min="3848" max="3848" width="36.5703125" style="139" customWidth="1"/>
    <col min="3849" max="3849" width="10.85546875" style="139" customWidth="1"/>
    <col min="3850" max="4097" width="9.140625" style="139"/>
    <col min="4098" max="4098" width="15" style="139" customWidth="1"/>
    <col min="4099" max="4099" width="9.7109375" style="139" customWidth="1"/>
    <col min="4100" max="4100" width="16" style="139" customWidth="1"/>
    <col min="4101" max="4101" width="9.140625" style="139"/>
    <col min="4102" max="4102" width="38.85546875" style="139" customWidth="1"/>
    <col min="4103" max="4103" width="36.85546875" style="139" customWidth="1"/>
    <col min="4104" max="4104" width="36.5703125" style="139" customWidth="1"/>
    <col min="4105" max="4105" width="10.85546875" style="139" customWidth="1"/>
    <col min="4106" max="4353" width="9.140625" style="139"/>
    <col min="4354" max="4354" width="15" style="139" customWidth="1"/>
    <col min="4355" max="4355" width="9.7109375" style="139" customWidth="1"/>
    <col min="4356" max="4356" width="16" style="139" customWidth="1"/>
    <col min="4357" max="4357" width="9.140625" style="139"/>
    <col min="4358" max="4358" width="38.85546875" style="139" customWidth="1"/>
    <col min="4359" max="4359" width="36.85546875" style="139" customWidth="1"/>
    <col min="4360" max="4360" width="36.5703125" style="139" customWidth="1"/>
    <col min="4361" max="4361" width="10.85546875" style="139" customWidth="1"/>
    <col min="4362" max="4609" width="9.140625" style="139"/>
    <col min="4610" max="4610" width="15" style="139" customWidth="1"/>
    <col min="4611" max="4611" width="9.7109375" style="139" customWidth="1"/>
    <col min="4612" max="4612" width="16" style="139" customWidth="1"/>
    <col min="4613" max="4613" width="9.140625" style="139"/>
    <col min="4614" max="4614" width="38.85546875" style="139" customWidth="1"/>
    <col min="4615" max="4615" width="36.85546875" style="139" customWidth="1"/>
    <col min="4616" max="4616" width="36.5703125" style="139" customWidth="1"/>
    <col min="4617" max="4617" width="10.85546875" style="139" customWidth="1"/>
    <col min="4618" max="4865" width="9.140625" style="139"/>
    <col min="4866" max="4866" width="15" style="139" customWidth="1"/>
    <col min="4867" max="4867" width="9.7109375" style="139" customWidth="1"/>
    <col min="4868" max="4868" width="16" style="139" customWidth="1"/>
    <col min="4869" max="4869" width="9.140625" style="139"/>
    <col min="4870" max="4870" width="38.85546875" style="139" customWidth="1"/>
    <col min="4871" max="4871" width="36.85546875" style="139" customWidth="1"/>
    <col min="4872" max="4872" width="36.5703125" style="139" customWidth="1"/>
    <col min="4873" max="4873" width="10.85546875" style="139" customWidth="1"/>
    <col min="4874" max="5121" width="9.140625" style="139"/>
    <col min="5122" max="5122" width="15" style="139" customWidth="1"/>
    <col min="5123" max="5123" width="9.7109375" style="139" customWidth="1"/>
    <col min="5124" max="5124" width="16" style="139" customWidth="1"/>
    <col min="5125" max="5125" width="9.140625" style="139"/>
    <col min="5126" max="5126" width="38.85546875" style="139" customWidth="1"/>
    <col min="5127" max="5127" width="36.85546875" style="139" customWidth="1"/>
    <col min="5128" max="5128" width="36.5703125" style="139" customWidth="1"/>
    <col min="5129" max="5129" width="10.85546875" style="139" customWidth="1"/>
    <col min="5130" max="5377" width="9.140625" style="139"/>
    <col min="5378" max="5378" width="15" style="139" customWidth="1"/>
    <col min="5379" max="5379" width="9.7109375" style="139" customWidth="1"/>
    <col min="5380" max="5380" width="16" style="139" customWidth="1"/>
    <col min="5381" max="5381" width="9.140625" style="139"/>
    <col min="5382" max="5382" width="38.85546875" style="139" customWidth="1"/>
    <col min="5383" max="5383" width="36.85546875" style="139" customWidth="1"/>
    <col min="5384" max="5384" width="36.5703125" style="139" customWidth="1"/>
    <col min="5385" max="5385" width="10.85546875" style="139" customWidth="1"/>
    <col min="5386" max="5633" width="9.140625" style="139"/>
    <col min="5634" max="5634" width="15" style="139" customWidth="1"/>
    <col min="5635" max="5635" width="9.7109375" style="139" customWidth="1"/>
    <col min="5636" max="5636" width="16" style="139" customWidth="1"/>
    <col min="5637" max="5637" width="9.140625" style="139"/>
    <col min="5638" max="5638" width="38.85546875" style="139" customWidth="1"/>
    <col min="5639" max="5639" width="36.85546875" style="139" customWidth="1"/>
    <col min="5640" max="5640" width="36.5703125" style="139" customWidth="1"/>
    <col min="5641" max="5641" width="10.85546875" style="139" customWidth="1"/>
    <col min="5642" max="5889" width="9.140625" style="139"/>
    <col min="5890" max="5890" width="15" style="139" customWidth="1"/>
    <col min="5891" max="5891" width="9.7109375" style="139" customWidth="1"/>
    <col min="5892" max="5892" width="16" style="139" customWidth="1"/>
    <col min="5893" max="5893" width="9.140625" style="139"/>
    <col min="5894" max="5894" width="38.85546875" style="139" customWidth="1"/>
    <col min="5895" max="5895" width="36.85546875" style="139" customWidth="1"/>
    <col min="5896" max="5896" width="36.5703125" style="139" customWidth="1"/>
    <col min="5897" max="5897" width="10.85546875" style="139" customWidth="1"/>
    <col min="5898" max="6145" width="9.140625" style="139"/>
    <col min="6146" max="6146" width="15" style="139" customWidth="1"/>
    <col min="6147" max="6147" width="9.7109375" style="139" customWidth="1"/>
    <col min="6148" max="6148" width="16" style="139" customWidth="1"/>
    <col min="6149" max="6149" width="9.140625" style="139"/>
    <col min="6150" max="6150" width="38.85546875" style="139" customWidth="1"/>
    <col min="6151" max="6151" width="36.85546875" style="139" customWidth="1"/>
    <col min="6152" max="6152" width="36.5703125" style="139" customWidth="1"/>
    <col min="6153" max="6153" width="10.85546875" style="139" customWidth="1"/>
    <col min="6154" max="6401" width="9.140625" style="139"/>
    <col min="6402" max="6402" width="15" style="139" customWidth="1"/>
    <col min="6403" max="6403" width="9.7109375" style="139" customWidth="1"/>
    <col min="6404" max="6404" width="16" style="139" customWidth="1"/>
    <col min="6405" max="6405" width="9.140625" style="139"/>
    <col min="6406" max="6406" width="38.85546875" style="139" customWidth="1"/>
    <col min="6407" max="6407" width="36.85546875" style="139" customWidth="1"/>
    <col min="6408" max="6408" width="36.5703125" style="139" customWidth="1"/>
    <col min="6409" max="6409" width="10.85546875" style="139" customWidth="1"/>
    <col min="6410" max="6657" width="9.140625" style="139"/>
    <col min="6658" max="6658" width="15" style="139" customWidth="1"/>
    <col min="6659" max="6659" width="9.7109375" style="139" customWidth="1"/>
    <col min="6660" max="6660" width="16" style="139" customWidth="1"/>
    <col min="6661" max="6661" width="9.140625" style="139"/>
    <col min="6662" max="6662" width="38.85546875" style="139" customWidth="1"/>
    <col min="6663" max="6663" width="36.85546875" style="139" customWidth="1"/>
    <col min="6664" max="6664" width="36.5703125" style="139" customWidth="1"/>
    <col min="6665" max="6665" width="10.85546875" style="139" customWidth="1"/>
    <col min="6666" max="6913" width="9.140625" style="139"/>
    <col min="6914" max="6914" width="15" style="139" customWidth="1"/>
    <col min="6915" max="6915" width="9.7109375" style="139" customWidth="1"/>
    <col min="6916" max="6916" width="16" style="139" customWidth="1"/>
    <col min="6917" max="6917" width="9.140625" style="139"/>
    <col min="6918" max="6918" width="38.85546875" style="139" customWidth="1"/>
    <col min="6919" max="6919" width="36.85546875" style="139" customWidth="1"/>
    <col min="6920" max="6920" width="36.5703125" style="139" customWidth="1"/>
    <col min="6921" max="6921" width="10.85546875" style="139" customWidth="1"/>
    <col min="6922" max="7169" width="9.140625" style="139"/>
    <col min="7170" max="7170" width="15" style="139" customWidth="1"/>
    <col min="7171" max="7171" width="9.7109375" style="139" customWidth="1"/>
    <col min="7172" max="7172" width="16" style="139" customWidth="1"/>
    <col min="7173" max="7173" width="9.140625" style="139"/>
    <col min="7174" max="7174" width="38.85546875" style="139" customWidth="1"/>
    <col min="7175" max="7175" width="36.85546875" style="139" customWidth="1"/>
    <col min="7176" max="7176" width="36.5703125" style="139" customWidth="1"/>
    <col min="7177" max="7177" width="10.85546875" style="139" customWidth="1"/>
    <col min="7178" max="7425" width="9.140625" style="139"/>
    <col min="7426" max="7426" width="15" style="139" customWidth="1"/>
    <col min="7427" max="7427" width="9.7109375" style="139" customWidth="1"/>
    <col min="7428" max="7428" width="16" style="139" customWidth="1"/>
    <col min="7429" max="7429" width="9.140625" style="139"/>
    <col min="7430" max="7430" width="38.85546875" style="139" customWidth="1"/>
    <col min="7431" max="7431" width="36.85546875" style="139" customWidth="1"/>
    <col min="7432" max="7432" width="36.5703125" style="139" customWidth="1"/>
    <col min="7433" max="7433" width="10.85546875" style="139" customWidth="1"/>
    <col min="7434" max="7681" width="9.140625" style="139"/>
    <col min="7682" max="7682" width="15" style="139" customWidth="1"/>
    <col min="7683" max="7683" width="9.7109375" style="139" customWidth="1"/>
    <col min="7684" max="7684" width="16" style="139" customWidth="1"/>
    <col min="7685" max="7685" width="9.140625" style="139"/>
    <col min="7686" max="7686" width="38.85546875" style="139" customWidth="1"/>
    <col min="7687" max="7687" width="36.85546875" style="139" customWidth="1"/>
    <col min="7688" max="7688" width="36.5703125" style="139" customWidth="1"/>
    <col min="7689" max="7689" width="10.85546875" style="139" customWidth="1"/>
    <col min="7690" max="7937" width="9.140625" style="139"/>
    <col min="7938" max="7938" width="15" style="139" customWidth="1"/>
    <col min="7939" max="7939" width="9.7109375" style="139" customWidth="1"/>
    <col min="7940" max="7940" width="16" style="139" customWidth="1"/>
    <col min="7941" max="7941" width="9.140625" style="139"/>
    <col min="7942" max="7942" width="38.85546875" style="139" customWidth="1"/>
    <col min="7943" max="7943" width="36.85546875" style="139" customWidth="1"/>
    <col min="7944" max="7944" width="36.5703125" style="139" customWidth="1"/>
    <col min="7945" max="7945" width="10.85546875" style="139" customWidth="1"/>
    <col min="7946" max="8193" width="9.140625" style="139"/>
    <col min="8194" max="8194" width="15" style="139" customWidth="1"/>
    <col min="8195" max="8195" width="9.7109375" style="139" customWidth="1"/>
    <col min="8196" max="8196" width="16" style="139" customWidth="1"/>
    <col min="8197" max="8197" width="9.140625" style="139"/>
    <col min="8198" max="8198" width="38.85546875" style="139" customWidth="1"/>
    <col min="8199" max="8199" width="36.85546875" style="139" customWidth="1"/>
    <col min="8200" max="8200" width="36.5703125" style="139" customWidth="1"/>
    <col min="8201" max="8201" width="10.85546875" style="139" customWidth="1"/>
    <col min="8202" max="8449" width="9.140625" style="139"/>
    <col min="8450" max="8450" width="15" style="139" customWidth="1"/>
    <col min="8451" max="8451" width="9.7109375" style="139" customWidth="1"/>
    <col min="8452" max="8452" width="16" style="139" customWidth="1"/>
    <col min="8453" max="8453" width="9.140625" style="139"/>
    <col min="8454" max="8454" width="38.85546875" style="139" customWidth="1"/>
    <col min="8455" max="8455" width="36.85546875" style="139" customWidth="1"/>
    <col min="8456" max="8456" width="36.5703125" style="139" customWidth="1"/>
    <col min="8457" max="8457" width="10.85546875" style="139" customWidth="1"/>
    <col min="8458" max="8705" width="9.140625" style="139"/>
    <col min="8706" max="8706" width="15" style="139" customWidth="1"/>
    <col min="8707" max="8707" width="9.7109375" style="139" customWidth="1"/>
    <col min="8708" max="8708" width="16" style="139" customWidth="1"/>
    <col min="8709" max="8709" width="9.140625" style="139"/>
    <col min="8710" max="8710" width="38.85546875" style="139" customWidth="1"/>
    <col min="8711" max="8711" width="36.85546875" style="139" customWidth="1"/>
    <col min="8712" max="8712" width="36.5703125" style="139" customWidth="1"/>
    <col min="8713" max="8713" width="10.85546875" style="139" customWidth="1"/>
    <col min="8714" max="8961" width="9.140625" style="139"/>
    <col min="8962" max="8962" width="15" style="139" customWidth="1"/>
    <col min="8963" max="8963" width="9.7109375" style="139" customWidth="1"/>
    <col min="8964" max="8964" width="16" style="139" customWidth="1"/>
    <col min="8965" max="8965" width="9.140625" style="139"/>
    <col min="8966" max="8966" width="38.85546875" style="139" customWidth="1"/>
    <col min="8967" max="8967" width="36.85546875" style="139" customWidth="1"/>
    <col min="8968" max="8968" width="36.5703125" style="139" customWidth="1"/>
    <col min="8969" max="8969" width="10.85546875" style="139" customWidth="1"/>
    <col min="8970" max="9217" width="9.140625" style="139"/>
    <col min="9218" max="9218" width="15" style="139" customWidth="1"/>
    <col min="9219" max="9219" width="9.7109375" style="139" customWidth="1"/>
    <col min="9220" max="9220" width="16" style="139" customWidth="1"/>
    <col min="9221" max="9221" width="9.140625" style="139"/>
    <col min="9222" max="9222" width="38.85546875" style="139" customWidth="1"/>
    <col min="9223" max="9223" width="36.85546875" style="139" customWidth="1"/>
    <col min="9224" max="9224" width="36.5703125" style="139" customWidth="1"/>
    <col min="9225" max="9225" width="10.85546875" style="139" customWidth="1"/>
    <col min="9226" max="9473" width="9.140625" style="139"/>
    <col min="9474" max="9474" width="15" style="139" customWidth="1"/>
    <col min="9475" max="9475" width="9.7109375" style="139" customWidth="1"/>
    <col min="9476" max="9476" width="16" style="139" customWidth="1"/>
    <col min="9477" max="9477" width="9.140625" style="139"/>
    <col min="9478" max="9478" width="38.85546875" style="139" customWidth="1"/>
    <col min="9479" max="9479" width="36.85546875" style="139" customWidth="1"/>
    <col min="9480" max="9480" width="36.5703125" style="139" customWidth="1"/>
    <col min="9481" max="9481" width="10.85546875" style="139" customWidth="1"/>
    <col min="9482" max="9729" width="9.140625" style="139"/>
    <col min="9730" max="9730" width="15" style="139" customWidth="1"/>
    <col min="9731" max="9731" width="9.7109375" style="139" customWidth="1"/>
    <col min="9732" max="9732" width="16" style="139" customWidth="1"/>
    <col min="9733" max="9733" width="9.140625" style="139"/>
    <col min="9734" max="9734" width="38.85546875" style="139" customWidth="1"/>
    <col min="9735" max="9735" width="36.85546875" style="139" customWidth="1"/>
    <col min="9736" max="9736" width="36.5703125" style="139" customWidth="1"/>
    <col min="9737" max="9737" width="10.85546875" style="139" customWidth="1"/>
    <col min="9738" max="9985" width="9.140625" style="139"/>
    <col min="9986" max="9986" width="15" style="139" customWidth="1"/>
    <col min="9987" max="9987" width="9.7109375" style="139" customWidth="1"/>
    <col min="9988" max="9988" width="16" style="139" customWidth="1"/>
    <col min="9989" max="9989" width="9.140625" style="139"/>
    <col min="9990" max="9990" width="38.85546875" style="139" customWidth="1"/>
    <col min="9991" max="9991" width="36.85546875" style="139" customWidth="1"/>
    <col min="9992" max="9992" width="36.5703125" style="139" customWidth="1"/>
    <col min="9993" max="9993" width="10.85546875" style="139" customWidth="1"/>
    <col min="9994" max="10241" width="9.140625" style="139"/>
    <col min="10242" max="10242" width="15" style="139" customWidth="1"/>
    <col min="10243" max="10243" width="9.7109375" style="139" customWidth="1"/>
    <col min="10244" max="10244" width="16" style="139" customWidth="1"/>
    <col min="10245" max="10245" width="9.140625" style="139"/>
    <col min="10246" max="10246" width="38.85546875" style="139" customWidth="1"/>
    <col min="10247" max="10247" width="36.85546875" style="139" customWidth="1"/>
    <col min="10248" max="10248" width="36.5703125" style="139" customWidth="1"/>
    <col min="10249" max="10249" width="10.85546875" style="139" customWidth="1"/>
    <col min="10250" max="10497" width="9.140625" style="139"/>
    <col min="10498" max="10498" width="15" style="139" customWidth="1"/>
    <col min="10499" max="10499" width="9.7109375" style="139" customWidth="1"/>
    <col min="10500" max="10500" width="16" style="139" customWidth="1"/>
    <col min="10501" max="10501" width="9.140625" style="139"/>
    <col min="10502" max="10502" width="38.85546875" style="139" customWidth="1"/>
    <col min="10503" max="10503" width="36.85546875" style="139" customWidth="1"/>
    <col min="10504" max="10504" width="36.5703125" style="139" customWidth="1"/>
    <col min="10505" max="10505" width="10.85546875" style="139" customWidth="1"/>
    <col min="10506" max="10753" width="9.140625" style="139"/>
    <col min="10754" max="10754" width="15" style="139" customWidth="1"/>
    <col min="10755" max="10755" width="9.7109375" style="139" customWidth="1"/>
    <col min="10756" max="10756" width="16" style="139" customWidth="1"/>
    <col min="10757" max="10757" width="9.140625" style="139"/>
    <col min="10758" max="10758" width="38.85546875" style="139" customWidth="1"/>
    <col min="10759" max="10759" width="36.85546875" style="139" customWidth="1"/>
    <col min="10760" max="10760" width="36.5703125" style="139" customWidth="1"/>
    <col min="10761" max="10761" width="10.85546875" style="139" customWidth="1"/>
    <col min="10762" max="11009" width="9.140625" style="139"/>
    <col min="11010" max="11010" width="15" style="139" customWidth="1"/>
    <col min="11011" max="11011" width="9.7109375" style="139" customWidth="1"/>
    <col min="11012" max="11012" width="16" style="139" customWidth="1"/>
    <col min="11013" max="11013" width="9.140625" style="139"/>
    <col min="11014" max="11014" width="38.85546875" style="139" customWidth="1"/>
    <col min="11015" max="11015" width="36.85546875" style="139" customWidth="1"/>
    <col min="11016" max="11016" width="36.5703125" style="139" customWidth="1"/>
    <col min="11017" max="11017" width="10.85546875" style="139" customWidth="1"/>
    <col min="11018" max="11265" width="9.140625" style="139"/>
    <col min="11266" max="11266" width="15" style="139" customWidth="1"/>
    <col min="11267" max="11267" width="9.7109375" style="139" customWidth="1"/>
    <col min="11268" max="11268" width="16" style="139" customWidth="1"/>
    <col min="11269" max="11269" width="9.140625" style="139"/>
    <col min="11270" max="11270" width="38.85546875" style="139" customWidth="1"/>
    <col min="11271" max="11271" width="36.85546875" style="139" customWidth="1"/>
    <col min="11272" max="11272" width="36.5703125" style="139" customWidth="1"/>
    <col min="11273" max="11273" width="10.85546875" style="139" customWidth="1"/>
    <col min="11274" max="11521" width="9.140625" style="139"/>
    <col min="11522" max="11522" width="15" style="139" customWidth="1"/>
    <col min="11523" max="11523" width="9.7109375" style="139" customWidth="1"/>
    <col min="11524" max="11524" width="16" style="139" customWidth="1"/>
    <col min="11525" max="11525" width="9.140625" style="139"/>
    <col min="11526" max="11526" width="38.85546875" style="139" customWidth="1"/>
    <col min="11527" max="11527" width="36.85546875" style="139" customWidth="1"/>
    <col min="11528" max="11528" width="36.5703125" style="139" customWidth="1"/>
    <col min="11529" max="11529" width="10.85546875" style="139" customWidth="1"/>
    <col min="11530" max="11777" width="9.140625" style="139"/>
    <col min="11778" max="11778" width="15" style="139" customWidth="1"/>
    <col min="11779" max="11779" width="9.7109375" style="139" customWidth="1"/>
    <col min="11780" max="11780" width="16" style="139" customWidth="1"/>
    <col min="11781" max="11781" width="9.140625" style="139"/>
    <col min="11782" max="11782" width="38.85546875" style="139" customWidth="1"/>
    <col min="11783" max="11783" width="36.85546875" style="139" customWidth="1"/>
    <col min="11784" max="11784" width="36.5703125" style="139" customWidth="1"/>
    <col min="11785" max="11785" width="10.85546875" style="139" customWidth="1"/>
    <col min="11786" max="12033" width="9.140625" style="139"/>
    <col min="12034" max="12034" width="15" style="139" customWidth="1"/>
    <col min="12035" max="12035" width="9.7109375" style="139" customWidth="1"/>
    <col min="12036" max="12036" width="16" style="139" customWidth="1"/>
    <col min="12037" max="12037" width="9.140625" style="139"/>
    <col min="12038" max="12038" width="38.85546875" style="139" customWidth="1"/>
    <col min="12039" max="12039" width="36.85546875" style="139" customWidth="1"/>
    <col min="12040" max="12040" width="36.5703125" style="139" customWidth="1"/>
    <col min="12041" max="12041" width="10.85546875" style="139" customWidth="1"/>
    <col min="12042" max="12289" width="9.140625" style="139"/>
    <col min="12290" max="12290" width="15" style="139" customWidth="1"/>
    <col min="12291" max="12291" width="9.7109375" style="139" customWidth="1"/>
    <col min="12292" max="12292" width="16" style="139" customWidth="1"/>
    <col min="12293" max="12293" width="9.140625" style="139"/>
    <col min="12294" max="12294" width="38.85546875" style="139" customWidth="1"/>
    <col min="12295" max="12295" width="36.85546875" style="139" customWidth="1"/>
    <col min="12296" max="12296" width="36.5703125" style="139" customWidth="1"/>
    <col min="12297" max="12297" width="10.85546875" style="139" customWidth="1"/>
    <col min="12298" max="12545" width="9.140625" style="139"/>
    <col min="12546" max="12546" width="15" style="139" customWidth="1"/>
    <col min="12547" max="12547" width="9.7109375" style="139" customWidth="1"/>
    <col min="12548" max="12548" width="16" style="139" customWidth="1"/>
    <col min="12549" max="12549" width="9.140625" style="139"/>
    <col min="12550" max="12550" width="38.85546875" style="139" customWidth="1"/>
    <col min="12551" max="12551" width="36.85546875" style="139" customWidth="1"/>
    <col min="12552" max="12552" width="36.5703125" style="139" customWidth="1"/>
    <col min="12553" max="12553" width="10.85546875" style="139" customWidth="1"/>
    <col min="12554" max="12801" width="9.140625" style="139"/>
    <col min="12802" max="12802" width="15" style="139" customWidth="1"/>
    <col min="12803" max="12803" width="9.7109375" style="139" customWidth="1"/>
    <col min="12804" max="12804" width="16" style="139" customWidth="1"/>
    <col min="12805" max="12805" width="9.140625" style="139"/>
    <col min="12806" max="12806" width="38.85546875" style="139" customWidth="1"/>
    <col min="12807" max="12807" width="36.85546875" style="139" customWidth="1"/>
    <col min="12808" max="12808" width="36.5703125" style="139" customWidth="1"/>
    <col min="12809" max="12809" width="10.85546875" style="139" customWidth="1"/>
    <col min="12810" max="13057" width="9.140625" style="139"/>
    <col min="13058" max="13058" width="15" style="139" customWidth="1"/>
    <col min="13059" max="13059" width="9.7109375" style="139" customWidth="1"/>
    <col min="13060" max="13060" width="16" style="139" customWidth="1"/>
    <col min="13061" max="13061" width="9.140625" style="139"/>
    <col min="13062" max="13062" width="38.85546875" style="139" customWidth="1"/>
    <col min="13063" max="13063" width="36.85546875" style="139" customWidth="1"/>
    <col min="13064" max="13064" width="36.5703125" style="139" customWidth="1"/>
    <col min="13065" max="13065" width="10.85546875" style="139" customWidth="1"/>
    <col min="13066" max="13313" width="9.140625" style="139"/>
    <col min="13314" max="13314" width="15" style="139" customWidth="1"/>
    <col min="13315" max="13315" width="9.7109375" style="139" customWidth="1"/>
    <col min="13316" max="13316" width="16" style="139" customWidth="1"/>
    <col min="13317" max="13317" width="9.140625" style="139"/>
    <col min="13318" max="13318" width="38.85546875" style="139" customWidth="1"/>
    <col min="13319" max="13319" width="36.85546875" style="139" customWidth="1"/>
    <col min="13320" max="13320" width="36.5703125" style="139" customWidth="1"/>
    <col min="13321" max="13321" width="10.85546875" style="139" customWidth="1"/>
    <col min="13322" max="13569" width="9.140625" style="139"/>
    <col min="13570" max="13570" width="15" style="139" customWidth="1"/>
    <col min="13571" max="13571" width="9.7109375" style="139" customWidth="1"/>
    <col min="13572" max="13572" width="16" style="139" customWidth="1"/>
    <col min="13573" max="13573" width="9.140625" style="139"/>
    <col min="13574" max="13574" width="38.85546875" style="139" customWidth="1"/>
    <col min="13575" max="13575" width="36.85546875" style="139" customWidth="1"/>
    <col min="13576" max="13576" width="36.5703125" style="139" customWidth="1"/>
    <col min="13577" max="13577" width="10.85546875" style="139" customWidth="1"/>
    <col min="13578" max="13825" width="9.140625" style="139"/>
    <col min="13826" max="13826" width="15" style="139" customWidth="1"/>
    <col min="13827" max="13827" width="9.7109375" style="139" customWidth="1"/>
    <col min="13828" max="13828" width="16" style="139" customWidth="1"/>
    <col min="13829" max="13829" width="9.140625" style="139"/>
    <col min="13830" max="13830" width="38.85546875" style="139" customWidth="1"/>
    <col min="13831" max="13831" width="36.85546875" style="139" customWidth="1"/>
    <col min="13832" max="13832" width="36.5703125" style="139" customWidth="1"/>
    <col min="13833" max="13833" width="10.85546875" style="139" customWidth="1"/>
    <col min="13834" max="14081" width="9.140625" style="139"/>
    <col min="14082" max="14082" width="15" style="139" customWidth="1"/>
    <col min="14083" max="14083" width="9.7109375" style="139" customWidth="1"/>
    <col min="14084" max="14084" width="16" style="139" customWidth="1"/>
    <col min="14085" max="14085" width="9.140625" style="139"/>
    <col min="14086" max="14086" width="38.85546875" style="139" customWidth="1"/>
    <col min="14087" max="14087" width="36.85546875" style="139" customWidth="1"/>
    <col min="14088" max="14088" width="36.5703125" style="139" customWidth="1"/>
    <col min="14089" max="14089" width="10.85546875" style="139" customWidth="1"/>
    <col min="14090" max="14337" width="9.140625" style="139"/>
    <col min="14338" max="14338" width="15" style="139" customWidth="1"/>
    <col min="14339" max="14339" width="9.7109375" style="139" customWidth="1"/>
    <col min="14340" max="14340" width="16" style="139" customWidth="1"/>
    <col min="14341" max="14341" width="9.140625" style="139"/>
    <col min="14342" max="14342" width="38.85546875" style="139" customWidth="1"/>
    <col min="14343" max="14343" width="36.85546875" style="139" customWidth="1"/>
    <col min="14344" max="14344" width="36.5703125" style="139" customWidth="1"/>
    <col min="14345" max="14345" width="10.85546875" style="139" customWidth="1"/>
    <col min="14346" max="14593" width="9.140625" style="139"/>
    <col min="14594" max="14594" width="15" style="139" customWidth="1"/>
    <col min="14595" max="14595" width="9.7109375" style="139" customWidth="1"/>
    <col min="14596" max="14596" width="16" style="139" customWidth="1"/>
    <col min="14597" max="14597" width="9.140625" style="139"/>
    <col min="14598" max="14598" width="38.85546875" style="139" customWidth="1"/>
    <col min="14599" max="14599" width="36.85546875" style="139" customWidth="1"/>
    <col min="14600" max="14600" width="36.5703125" style="139" customWidth="1"/>
    <col min="14601" max="14601" width="10.85546875" style="139" customWidth="1"/>
    <col min="14602" max="14849" width="9.140625" style="139"/>
    <col min="14850" max="14850" width="15" style="139" customWidth="1"/>
    <col min="14851" max="14851" width="9.7109375" style="139" customWidth="1"/>
    <col min="14852" max="14852" width="16" style="139" customWidth="1"/>
    <col min="14853" max="14853" width="9.140625" style="139"/>
    <col min="14854" max="14854" width="38.85546875" style="139" customWidth="1"/>
    <col min="14855" max="14855" width="36.85546875" style="139" customWidth="1"/>
    <col min="14856" max="14856" width="36.5703125" style="139" customWidth="1"/>
    <col min="14857" max="14857" width="10.85546875" style="139" customWidth="1"/>
    <col min="14858" max="15105" width="9.140625" style="139"/>
    <col min="15106" max="15106" width="15" style="139" customWidth="1"/>
    <col min="15107" max="15107" width="9.7109375" style="139" customWidth="1"/>
    <col min="15108" max="15108" width="16" style="139" customWidth="1"/>
    <col min="15109" max="15109" width="9.140625" style="139"/>
    <col min="15110" max="15110" width="38.85546875" style="139" customWidth="1"/>
    <col min="15111" max="15111" width="36.85546875" style="139" customWidth="1"/>
    <col min="15112" max="15112" width="36.5703125" style="139" customWidth="1"/>
    <col min="15113" max="15113" width="10.85546875" style="139" customWidth="1"/>
    <col min="15114" max="15361" width="9.140625" style="139"/>
    <col min="15362" max="15362" width="15" style="139" customWidth="1"/>
    <col min="15363" max="15363" width="9.7109375" style="139" customWidth="1"/>
    <col min="15364" max="15364" width="16" style="139" customWidth="1"/>
    <col min="15365" max="15365" width="9.140625" style="139"/>
    <col min="15366" max="15366" width="38.85546875" style="139" customWidth="1"/>
    <col min="15367" max="15367" width="36.85546875" style="139" customWidth="1"/>
    <col min="15368" max="15368" width="36.5703125" style="139" customWidth="1"/>
    <col min="15369" max="15369" width="10.85546875" style="139" customWidth="1"/>
    <col min="15370" max="15617" width="9.140625" style="139"/>
    <col min="15618" max="15618" width="15" style="139" customWidth="1"/>
    <col min="15619" max="15619" width="9.7109375" style="139" customWidth="1"/>
    <col min="15620" max="15620" width="16" style="139" customWidth="1"/>
    <col min="15621" max="15621" width="9.140625" style="139"/>
    <col min="15622" max="15622" width="38.85546875" style="139" customWidth="1"/>
    <col min="15623" max="15623" width="36.85546875" style="139" customWidth="1"/>
    <col min="15624" max="15624" width="36.5703125" style="139" customWidth="1"/>
    <col min="15625" max="15625" width="10.85546875" style="139" customWidth="1"/>
    <col min="15626" max="15873" width="9.140625" style="139"/>
    <col min="15874" max="15874" width="15" style="139" customWidth="1"/>
    <col min="15875" max="15875" width="9.7109375" style="139" customWidth="1"/>
    <col min="15876" max="15876" width="16" style="139" customWidth="1"/>
    <col min="15877" max="15877" width="9.140625" style="139"/>
    <col min="15878" max="15878" width="38.85546875" style="139" customWidth="1"/>
    <col min="15879" max="15879" width="36.85546875" style="139" customWidth="1"/>
    <col min="15880" max="15880" width="36.5703125" style="139" customWidth="1"/>
    <col min="15881" max="15881" width="10.85546875" style="139" customWidth="1"/>
    <col min="15882" max="16129" width="9.140625" style="139"/>
    <col min="16130" max="16130" width="15" style="139" customWidth="1"/>
    <col min="16131" max="16131" width="9.7109375" style="139" customWidth="1"/>
    <col min="16132" max="16132" width="16" style="139" customWidth="1"/>
    <col min="16133" max="16133" width="9.140625" style="139"/>
    <col min="16134" max="16134" width="38.85546875" style="139" customWidth="1"/>
    <col min="16135" max="16135" width="36.85546875" style="139" customWidth="1"/>
    <col min="16136" max="16136" width="36.5703125" style="139" customWidth="1"/>
    <col min="16137" max="16137" width="10.85546875" style="139" customWidth="1"/>
    <col min="16138" max="16384" width="9.140625" style="139"/>
  </cols>
  <sheetData>
    <row r="1" spans="1:255" ht="51.75" customHeight="1" x14ac:dyDescent="0.2">
      <c r="A1" s="190" t="s">
        <v>272</v>
      </c>
      <c r="B1" s="226" t="s">
        <v>273</v>
      </c>
      <c r="C1" s="227" t="s">
        <v>467</v>
      </c>
      <c r="D1" s="226" t="s">
        <v>449</v>
      </c>
      <c r="E1" s="131" t="s">
        <v>274</v>
      </c>
      <c r="F1" s="131" t="s">
        <v>450</v>
      </c>
      <c r="G1" s="131" t="s">
        <v>224</v>
      </c>
      <c r="H1" s="131" t="s">
        <v>225</v>
      </c>
      <c r="I1" s="131" t="s">
        <v>226</v>
      </c>
      <c r="J1" s="131" t="s">
        <v>227</v>
      </c>
      <c r="K1" s="134" t="s">
        <v>228</v>
      </c>
      <c r="L1" s="194" t="s">
        <v>229</v>
      </c>
      <c r="M1" s="134" t="s">
        <v>230</v>
      </c>
      <c r="N1" s="140" t="s">
        <v>334</v>
      </c>
      <c r="O1" s="140" t="s">
        <v>231</v>
      </c>
      <c r="P1" s="140" t="s">
        <v>232</v>
      </c>
      <c r="Q1" s="132"/>
      <c r="R1" s="132"/>
      <c r="S1" s="132"/>
      <c r="T1" s="132"/>
      <c r="U1" s="132"/>
      <c r="V1" s="132"/>
      <c r="W1" s="132"/>
      <c r="X1" s="132"/>
      <c r="Y1" s="132"/>
      <c r="Z1" s="132"/>
      <c r="AA1" s="132"/>
      <c r="AB1" s="132"/>
      <c r="AC1" s="132"/>
      <c r="AD1" s="132"/>
      <c r="AE1" s="132"/>
      <c r="AF1" s="132"/>
      <c r="AG1" s="132"/>
      <c r="AH1" s="132"/>
      <c r="AI1" s="132"/>
      <c r="AJ1" s="132"/>
      <c r="AK1" s="132"/>
      <c r="AL1" s="132"/>
      <c r="AM1" s="132"/>
      <c r="AN1" s="132"/>
      <c r="AO1" s="132"/>
      <c r="AP1" s="132"/>
      <c r="AQ1" s="132"/>
      <c r="AR1" s="132"/>
      <c r="AS1" s="132"/>
      <c r="AT1" s="132"/>
      <c r="AU1" s="132"/>
      <c r="AV1" s="132"/>
      <c r="AW1" s="132"/>
      <c r="AX1" s="132"/>
      <c r="AY1" s="132"/>
      <c r="AZ1" s="132"/>
      <c r="BA1" s="132"/>
      <c r="BB1" s="132"/>
      <c r="BC1" s="132"/>
      <c r="BD1" s="132"/>
      <c r="BE1" s="132"/>
      <c r="BF1" s="132"/>
      <c r="BG1" s="132"/>
      <c r="BH1" s="132"/>
      <c r="BI1" s="132"/>
      <c r="BJ1" s="132"/>
      <c r="BK1" s="132"/>
      <c r="BL1" s="132"/>
      <c r="BM1" s="132"/>
      <c r="BN1" s="132"/>
      <c r="BO1" s="132"/>
      <c r="BP1" s="132"/>
      <c r="BQ1" s="132"/>
      <c r="BR1" s="132"/>
      <c r="BS1" s="132"/>
      <c r="BT1" s="132"/>
      <c r="BU1" s="132"/>
      <c r="BV1" s="132"/>
      <c r="BW1" s="132"/>
      <c r="BX1" s="132"/>
      <c r="BY1" s="132"/>
      <c r="BZ1" s="132"/>
      <c r="CA1" s="132"/>
      <c r="CB1" s="132"/>
      <c r="CC1" s="132"/>
      <c r="CD1" s="132"/>
      <c r="CE1" s="132"/>
      <c r="CF1" s="132"/>
      <c r="CG1" s="132"/>
      <c r="CH1" s="132"/>
      <c r="CI1" s="132"/>
      <c r="CJ1" s="132"/>
      <c r="CK1" s="132"/>
      <c r="CL1" s="132"/>
      <c r="CM1" s="132"/>
      <c r="CN1" s="132"/>
      <c r="CO1" s="132"/>
      <c r="CP1" s="132"/>
      <c r="CQ1" s="132"/>
      <c r="CR1" s="132"/>
      <c r="CS1" s="132"/>
      <c r="CT1" s="132"/>
      <c r="CU1" s="132"/>
      <c r="CV1" s="132"/>
      <c r="CW1" s="132"/>
      <c r="CX1" s="132"/>
      <c r="CY1" s="132"/>
      <c r="CZ1" s="132"/>
      <c r="DA1" s="132"/>
      <c r="DB1" s="132"/>
      <c r="DC1" s="132"/>
      <c r="DD1" s="132"/>
      <c r="DE1" s="132"/>
      <c r="DF1" s="132"/>
      <c r="DG1" s="132"/>
      <c r="DH1" s="132"/>
      <c r="DI1" s="132"/>
      <c r="DJ1" s="132"/>
      <c r="DK1" s="132"/>
      <c r="DL1" s="132"/>
      <c r="DM1" s="132"/>
      <c r="DN1" s="132"/>
      <c r="DO1" s="132"/>
      <c r="DP1" s="132"/>
      <c r="DQ1" s="132"/>
      <c r="DR1" s="132"/>
      <c r="DS1" s="132"/>
      <c r="DT1" s="132"/>
      <c r="DU1" s="132"/>
      <c r="DV1" s="132"/>
      <c r="DW1" s="132"/>
      <c r="DX1" s="132"/>
      <c r="DY1" s="132"/>
      <c r="DZ1" s="132"/>
      <c r="EA1" s="132"/>
      <c r="EB1" s="132"/>
      <c r="EC1" s="132"/>
      <c r="ED1" s="132"/>
      <c r="EE1" s="132"/>
      <c r="EF1" s="132"/>
      <c r="EG1" s="132"/>
      <c r="EH1" s="132"/>
      <c r="EI1" s="132"/>
      <c r="EJ1" s="132"/>
      <c r="EK1" s="132"/>
      <c r="EL1" s="132"/>
      <c r="EM1" s="132"/>
      <c r="EN1" s="132"/>
      <c r="EO1" s="132"/>
      <c r="EP1" s="132"/>
      <c r="EQ1" s="132"/>
      <c r="ER1" s="132"/>
      <c r="ES1" s="132"/>
      <c r="ET1" s="132"/>
      <c r="EU1" s="132"/>
      <c r="EV1" s="132"/>
      <c r="EW1" s="132"/>
      <c r="EX1" s="132"/>
      <c r="EY1" s="132"/>
      <c r="EZ1" s="132"/>
      <c r="FA1" s="132"/>
      <c r="FB1" s="132"/>
      <c r="FC1" s="132"/>
      <c r="FD1" s="132"/>
      <c r="FE1" s="132"/>
      <c r="FF1" s="132"/>
      <c r="FG1" s="132"/>
      <c r="FH1" s="132"/>
      <c r="FI1" s="132"/>
      <c r="FJ1" s="132"/>
      <c r="FK1" s="132"/>
      <c r="FL1" s="132"/>
      <c r="FM1" s="132"/>
      <c r="FN1" s="132"/>
      <c r="FO1" s="132"/>
      <c r="FP1" s="132"/>
      <c r="FQ1" s="132"/>
      <c r="FR1" s="132"/>
      <c r="FS1" s="132"/>
      <c r="FT1" s="132"/>
      <c r="FU1" s="132"/>
      <c r="FV1" s="132"/>
      <c r="FW1" s="132"/>
      <c r="FX1" s="132"/>
      <c r="FY1" s="132"/>
      <c r="FZ1" s="132"/>
      <c r="GA1" s="132"/>
      <c r="GB1" s="132"/>
      <c r="GC1" s="132"/>
      <c r="GD1" s="132"/>
      <c r="GE1" s="132"/>
      <c r="GF1" s="132"/>
      <c r="GG1" s="132"/>
      <c r="GH1" s="132"/>
      <c r="GI1" s="132"/>
      <c r="GJ1" s="132"/>
      <c r="GK1" s="132"/>
      <c r="GL1" s="132"/>
      <c r="GM1" s="132"/>
      <c r="GN1" s="132"/>
      <c r="GO1" s="132"/>
      <c r="GP1" s="132"/>
      <c r="GQ1" s="132"/>
      <c r="GR1" s="132"/>
      <c r="GS1" s="132"/>
      <c r="GT1" s="132"/>
      <c r="GU1" s="132"/>
      <c r="GV1" s="132"/>
      <c r="GW1" s="132"/>
      <c r="GX1" s="132"/>
      <c r="GY1" s="132"/>
      <c r="GZ1" s="132"/>
      <c r="HA1" s="132"/>
      <c r="HB1" s="132"/>
      <c r="HC1" s="132"/>
      <c r="HD1" s="132"/>
      <c r="HE1" s="132"/>
      <c r="HF1" s="132"/>
      <c r="HG1" s="132"/>
      <c r="HH1" s="132"/>
      <c r="HI1" s="132"/>
      <c r="HJ1" s="132"/>
      <c r="HK1" s="132"/>
      <c r="HL1" s="132"/>
      <c r="HM1" s="132"/>
      <c r="HN1" s="132"/>
      <c r="HO1" s="132"/>
      <c r="HP1" s="132"/>
      <c r="HQ1" s="132"/>
      <c r="HR1" s="132"/>
      <c r="HS1" s="132"/>
      <c r="HT1" s="132"/>
      <c r="HU1" s="132"/>
      <c r="HV1" s="132"/>
      <c r="HW1" s="132"/>
      <c r="HX1" s="132"/>
      <c r="HY1" s="132"/>
      <c r="HZ1" s="132"/>
      <c r="IA1" s="132"/>
      <c r="IB1" s="132"/>
      <c r="IC1" s="132"/>
      <c r="ID1" s="132"/>
      <c r="IE1" s="132"/>
      <c r="IF1" s="132"/>
      <c r="IG1" s="132"/>
      <c r="IH1" s="132"/>
      <c r="II1" s="132"/>
      <c r="IJ1" s="132"/>
      <c r="IK1" s="132"/>
      <c r="IL1" s="132"/>
      <c r="IM1" s="132"/>
      <c r="IN1" s="132"/>
      <c r="IO1" s="132"/>
      <c r="IP1" s="132"/>
      <c r="IQ1" s="132"/>
      <c r="IR1" s="132"/>
      <c r="IS1" s="132"/>
      <c r="IT1" s="132"/>
      <c r="IU1" s="132"/>
    </row>
    <row r="2" spans="1:255" ht="165.75" x14ac:dyDescent="0.2">
      <c r="A2" s="191">
        <v>42990</v>
      </c>
      <c r="B2" s="228">
        <v>43158</v>
      </c>
      <c r="C2" s="228">
        <v>43199</v>
      </c>
      <c r="D2" s="229">
        <v>43344</v>
      </c>
      <c r="E2" s="141" t="s">
        <v>275</v>
      </c>
      <c r="F2" s="142" t="s">
        <v>264</v>
      </c>
      <c r="G2" s="143"/>
      <c r="H2" s="143" t="s">
        <v>375</v>
      </c>
      <c r="I2" s="144" t="s">
        <v>431</v>
      </c>
      <c r="J2" s="144" t="s">
        <v>335</v>
      </c>
      <c r="K2" s="145" t="s">
        <v>233</v>
      </c>
      <c r="L2" s="195"/>
      <c r="M2" s="141" t="s">
        <v>234</v>
      </c>
      <c r="N2" s="144" t="s">
        <v>360</v>
      </c>
      <c r="O2" s="147" t="s">
        <v>236</v>
      </c>
      <c r="P2" s="148" t="s">
        <v>238</v>
      </c>
      <c r="Q2" s="136"/>
      <c r="R2" s="136"/>
      <c r="S2" s="136"/>
      <c r="T2" s="136"/>
      <c r="U2" s="136"/>
      <c r="V2" s="136"/>
      <c r="W2" s="136"/>
      <c r="X2" s="136"/>
      <c r="Y2" s="136"/>
      <c r="Z2" s="136"/>
      <c r="AA2" s="136"/>
      <c r="AB2" s="136"/>
      <c r="AC2" s="136"/>
      <c r="AD2" s="136"/>
      <c r="AE2" s="136"/>
      <c r="AF2" s="136"/>
      <c r="AG2" s="136"/>
      <c r="AH2" s="136"/>
    </row>
    <row r="3" spans="1:255" s="135" customFormat="1" ht="158.25" customHeight="1" x14ac:dyDescent="0.2">
      <c r="A3" s="191">
        <v>43000</v>
      </c>
      <c r="B3" s="228">
        <v>43158</v>
      </c>
      <c r="C3" s="228">
        <v>43199</v>
      </c>
      <c r="D3" s="229">
        <v>43344</v>
      </c>
      <c r="E3" s="141" t="s">
        <v>276</v>
      </c>
      <c r="F3" s="142" t="s">
        <v>435</v>
      </c>
      <c r="G3" s="149"/>
      <c r="H3" s="143" t="s">
        <v>375</v>
      </c>
      <c r="I3" s="144" t="s">
        <v>555</v>
      </c>
      <c r="J3" s="144" t="s">
        <v>434</v>
      </c>
      <c r="K3" s="145" t="s">
        <v>233</v>
      </c>
      <c r="L3" s="195"/>
      <c r="M3" s="141" t="s">
        <v>234</v>
      </c>
      <c r="N3" s="144" t="s">
        <v>360</v>
      </c>
      <c r="O3" s="147" t="s">
        <v>236</v>
      </c>
      <c r="P3" s="148" t="s">
        <v>238</v>
      </c>
      <c r="Q3" s="136"/>
      <c r="R3" s="136"/>
      <c r="S3" s="136"/>
      <c r="T3" s="136"/>
      <c r="U3" s="136"/>
      <c r="V3" s="136"/>
      <c r="W3" s="136"/>
      <c r="X3" s="136"/>
      <c r="Y3" s="136"/>
      <c r="Z3" s="136"/>
      <c r="AA3" s="136"/>
      <c r="AB3" s="136"/>
      <c r="AC3" s="136"/>
      <c r="AD3" s="136"/>
      <c r="AE3" s="136"/>
      <c r="AF3" s="136"/>
      <c r="AG3" s="136"/>
      <c r="AH3" s="136"/>
    </row>
    <row r="4" spans="1:255" s="136" customFormat="1" ht="188.25" customHeight="1" x14ac:dyDescent="0.2">
      <c r="A4" s="191">
        <v>43040</v>
      </c>
      <c r="B4" s="228">
        <v>43158</v>
      </c>
      <c r="C4" s="228">
        <v>43199</v>
      </c>
      <c r="D4" s="229">
        <v>43344</v>
      </c>
      <c r="E4" s="141" t="s">
        <v>336</v>
      </c>
      <c r="F4" s="150" t="s">
        <v>235</v>
      </c>
      <c r="G4" s="146"/>
      <c r="H4" s="143" t="s">
        <v>375</v>
      </c>
      <c r="I4" s="151" t="s">
        <v>436</v>
      </c>
      <c r="J4" s="151" t="s">
        <v>366</v>
      </c>
      <c r="K4" s="145" t="s">
        <v>360</v>
      </c>
      <c r="L4" s="195"/>
      <c r="M4" s="141" t="s">
        <v>234</v>
      </c>
      <c r="N4" s="147" t="s">
        <v>237</v>
      </c>
      <c r="O4" s="147" t="s">
        <v>236</v>
      </c>
      <c r="P4" s="148" t="s">
        <v>238</v>
      </c>
    </row>
    <row r="5" spans="1:255" s="136" customFormat="1" ht="200.25" customHeight="1" x14ac:dyDescent="0.2">
      <c r="A5" s="191">
        <v>43040</v>
      </c>
      <c r="B5" s="228">
        <v>43158</v>
      </c>
      <c r="C5" s="228">
        <v>43199</v>
      </c>
      <c r="D5" s="229">
        <v>43344</v>
      </c>
      <c r="E5" s="141" t="s">
        <v>337</v>
      </c>
      <c r="F5" s="150" t="s">
        <v>235</v>
      </c>
      <c r="G5" s="146"/>
      <c r="H5" s="143" t="s">
        <v>375</v>
      </c>
      <c r="I5" s="151" t="s">
        <v>446</v>
      </c>
      <c r="J5" s="151" t="s">
        <v>367</v>
      </c>
      <c r="K5" s="145" t="s">
        <v>381</v>
      </c>
      <c r="L5" s="195"/>
      <c r="M5" s="141" t="s">
        <v>234</v>
      </c>
      <c r="N5" s="147" t="s">
        <v>239</v>
      </c>
      <c r="O5" s="147" t="s">
        <v>236</v>
      </c>
      <c r="P5" s="148" t="s">
        <v>238</v>
      </c>
    </row>
    <row r="6" spans="1:255" s="136" customFormat="1" ht="280.5" x14ac:dyDescent="0.2">
      <c r="A6" s="191">
        <v>43040</v>
      </c>
      <c r="B6" s="228">
        <v>43158</v>
      </c>
      <c r="C6" s="228">
        <v>43199</v>
      </c>
      <c r="D6" s="229">
        <v>43344</v>
      </c>
      <c r="E6" s="141" t="s">
        <v>338</v>
      </c>
      <c r="F6" s="150" t="s">
        <v>240</v>
      </c>
      <c r="G6" s="146"/>
      <c r="H6" s="152" t="s">
        <v>376</v>
      </c>
      <c r="I6" s="153" t="s">
        <v>437</v>
      </c>
      <c r="J6" s="151" t="s">
        <v>368</v>
      </c>
      <c r="K6" s="145" t="s">
        <v>382</v>
      </c>
      <c r="L6" s="195"/>
      <c r="M6" s="141" t="s">
        <v>234</v>
      </c>
      <c r="N6" s="147" t="s">
        <v>241</v>
      </c>
      <c r="O6" s="147" t="s">
        <v>236</v>
      </c>
      <c r="P6" s="148" t="s">
        <v>238</v>
      </c>
    </row>
    <row r="7" spans="1:255" s="136" customFormat="1" ht="45" customHeight="1" x14ac:dyDescent="0.2">
      <c r="A7" s="191">
        <v>43040</v>
      </c>
      <c r="B7" s="228">
        <v>43158</v>
      </c>
      <c r="C7" s="228">
        <v>43199</v>
      </c>
      <c r="D7" s="229">
        <v>43344</v>
      </c>
      <c r="E7" s="141" t="s">
        <v>339</v>
      </c>
      <c r="F7" s="150" t="s">
        <v>242</v>
      </c>
      <c r="G7" s="146"/>
      <c r="H7" s="154" t="s">
        <v>375</v>
      </c>
      <c r="I7" s="153" t="s">
        <v>383</v>
      </c>
      <c r="J7" s="151" t="s">
        <v>369</v>
      </c>
      <c r="K7" s="145" t="s">
        <v>233</v>
      </c>
      <c r="L7" s="195"/>
      <c r="M7" s="141" t="s">
        <v>234</v>
      </c>
      <c r="N7" s="147" t="s">
        <v>243</v>
      </c>
      <c r="O7" s="147" t="s">
        <v>236</v>
      </c>
      <c r="P7" s="148" t="s">
        <v>238</v>
      </c>
    </row>
    <row r="8" spans="1:255" s="136" customFormat="1" ht="101.25" customHeight="1" x14ac:dyDescent="0.2">
      <c r="A8" s="191">
        <v>43040</v>
      </c>
      <c r="B8" s="228">
        <v>43158</v>
      </c>
      <c r="C8" s="228">
        <v>43199</v>
      </c>
      <c r="D8" s="229">
        <v>43344</v>
      </c>
      <c r="E8" s="141" t="s">
        <v>340</v>
      </c>
      <c r="F8" s="153" t="s">
        <v>244</v>
      </c>
      <c r="G8" s="146"/>
      <c r="H8" s="143" t="s">
        <v>375</v>
      </c>
      <c r="I8" s="150" t="s">
        <v>433</v>
      </c>
      <c r="J8" s="150" t="s">
        <v>370</v>
      </c>
      <c r="K8" s="145" t="s">
        <v>233</v>
      </c>
      <c r="L8" s="195"/>
      <c r="M8" s="141" t="s">
        <v>234</v>
      </c>
      <c r="N8" s="147" t="s">
        <v>245</v>
      </c>
      <c r="O8" s="147" t="s">
        <v>236</v>
      </c>
      <c r="P8" s="148" t="s">
        <v>238</v>
      </c>
    </row>
    <row r="9" spans="1:255" s="136" customFormat="1" ht="102.75" customHeight="1" x14ac:dyDescent="0.2">
      <c r="A9" s="191">
        <v>43040</v>
      </c>
      <c r="B9" s="228">
        <v>43158</v>
      </c>
      <c r="C9" s="228">
        <v>43199</v>
      </c>
      <c r="D9" s="229">
        <v>43344</v>
      </c>
      <c r="E9" s="141" t="s">
        <v>341</v>
      </c>
      <c r="F9" s="150" t="s">
        <v>246</v>
      </c>
      <c r="G9" s="146"/>
      <c r="H9" s="143" t="s">
        <v>375</v>
      </c>
      <c r="I9" s="153" t="s">
        <v>384</v>
      </c>
      <c r="J9" s="153" t="s">
        <v>371</v>
      </c>
      <c r="K9" s="145" t="s">
        <v>381</v>
      </c>
      <c r="L9" s="195"/>
      <c r="M9" s="141" t="s">
        <v>234</v>
      </c>
      <c r="N9" s="147" t="s">
        <v>247</v>
      </c>
      <c r="O9" s="147" t="s">
        <v>236</v>
      </c>
      <c r="P9" s="148" t="s">
        <v>238</v>
      </c>
    </row>
    <row r="10" spans="1:255" s="136" customFormat="1" ht="198" customHeight="1" x14ac:dyDescent="0.2">
      <c r="A10" s="191">
        <v>43040</v>
      </c>
      <c r="B10" s="228">
        <v>43158</v>
      </c>
      <c r="C10" s="228">
        <v>43199</v>
      </c>
      <c r="D10" s="229">
        <v>43344</v>
      </c>
      <c r="E10" s="141" t="s">
        <v>342</v>
      </c>
      <c r="F10" s="150" t="s">
        <v>248</v>
      </c>
      <c r="G10" s="146"/>
      <c r="H10" s="143" t="s">
        <v>375</v>
      </c>
      <c r="I10" s="150" t="s">
        <v>447</v>
      </c>
      <c r="J10" s="150" t="s">
        <v>331</v>
      </c>
      <c r="K10" s="145" t="s">
        <v>233</v>
      </c>
      <c r="L10" s="195"/>
      <c r="M10" s="141" t="s">
        <v>234</v>
      </c>
      <c r="N10" s="147" t="s">
        <v>249</v>
      </c>
      <c r="O10" s="148" t="s">
        <v>236</v>
      </c>
      <c r="P10" s="148" t="s">
        <v>238</v>
      </c>
    </row>
    <row r="11" spans="1:255" s="136" customFormat="1" ht="151.5" customHeight="1" x14ac:dyDescent="0.2">
      <c r="A11" s="191">
        <v>43040</v>
      </c>
      <c r="B11" s="228">
        <v>43158</v>
      </c>
      <c r="C11" s="228">
        <v>43199</v>
      </c>
      <c r="D11" s="229">
        <v>43344</v>
      </c>
      <c r="E11" s="141" t="s">
        <v>343</v>
      </c>
      <c r="F11" s="150" t="s">
        <v>250</v>
      </c>
      <c r="G11" s="146"/>
      <c r="H11" s="143" t="s">
        <v>375</v>
      </c>
      <c r="I11" s="150" t="s">
        <v>462</v>
      </c>
      <c r="J11" s="153" t="s">
        <v>251</v>
      </c>
      <c r="K11" s="145" t="s">
        <v>233</v>
      </c>
      <c r="L11" s="195"/>
      <c r="M11" s="141" t="s">
        <v>234</v>
      </c>
      <c r="N11" s="147" t="s">
        <v>252</v>
      </c>
      <c r="O11" s="147" t="s">
        <v>236</v>
      </c>
      <c r="P11" s="148" t="s">
        <v>238</v>
      </c>
    </row>
    <row r="12" spans="1:255" s="136" customFormat="1" ht="119.25" customHeight="1" x14ac:dyDescent="0.2">
      <c r="A12" s="191">
        <v>43040</v>
      </c>
      <c r="B12" s="228">
        <v>43158</v>
      </c>
      <c r="C12" s="228">
        <v>43199</v>
      </c>
      <c r="D12" s="229">
        <v>43344</v>
      </c>
      <c r="E12" s="141" t="s">
        <v>344</v>
      </c>
      <c r="F12" s="150" t="s">
        <v>253</v>
      </c>
      <c r="G12" s="146"/>
      <c r="H12" s="143" t="s">
        <v>375</v>
      </c>
      <c r="I12" s="150" t="s">
        <v>432</v>
      </c>
      <c r="J12" s="150" t="s">
        <v>372</v>
      </c>
      <c r="K12" s="145" t="s">
        <v>233</v>
      </c>
      <c r="L12" s="195"/>
      <c r="M12" s="141" t="s">
        <v>234</v>
      </c>
      <c r="N12" s="147" t="s">
        <v>254</v>
      </c>
      <c r="O12" s="148" t="s">
        <v>236</v>
      </c>
      <c r="P12" s="148" t="s">
        <v>238</v>
      </c>
    </row>
    <row r="13" spans="1:255" s="136" customFormat="1" ht="156.75" customHeight="1" x14ac:dyDescent="0.2">
      <c r="A13" s="191">
        <v>43040</v>
      </c>
      <c r="B13" s="228">
        <v>43158</v>
      </c>
      <c r="C13" s="228">
        <v>43199</v>
      </c>
      <c r="D13" s="229">
        <v>43344</v>
      </c>
      <c r="E13" s="141" t="s">
        <v>345</v>
      </c>
      <c r="F13" s="153" t="s">
        <v>255</v>
      </c>
      <c r="G13" s="146"/>
      <c r="H13" s="143" t="s">
        <v>375</v>
      </c>
      <c r="I13" s="151" t="s">
        <v>361</v>
      </c>
      <c r="J13" s="151" t="s">
        <v>373</v>
      </c>
      <c r="K13" s="145" t="s">
        <v>233</v>
      </c>
      <c r="L13" s="195"/>
      <c r="M13" s="141" t="s">
        <v>234</v>
      </c>
      <c r="N13" s="147" t="s">
        <v>256</v>
      </c>
      <c r="O13" s="147" t="s">
        <v>236</v>
      </c>
      <c r="P13" s="148" t="s">
        <v>238</v>
      </c>
    </row>
    <row r="14" spans="1:255" s="136" customFormat="1" ht="120.75" customHeight="1" x14ac:dyDescent="0.2">
      <c r="A14" s="191">
        <v>43040</v>
      </c>
      <c r="B14" s="228">
        <v>43158</v>
      </c>
      <c r="C14" s="228">
        <v>43199</v>
      </c>
      <c r="D14" s="229">
        <v>43344</v>
      </c>
      <c r="E14" s="141" t="s">
        <v>346</v>
      </c>
      <c r="F14" s="153" t="s">
        <v>257</v>
      </c>
      <c r="G14" s="146"/>
      <c r="H14" s="143" t="s">
        <v>375</v>
      </c>
      <c r="I14" s="150" t="s">
        <v>365</v>
      </c>
      <c r="J14" s="150" t="s">
        <v>374</v>
      </c>
      <c r="K14" s="145" t="s">
        <v>233</v>
      </c>
      <c r="L14" s="195"/>
      <c r="M14" s="141" t="s">
        <v>234</v>
      </c>
      <c r="N14" s="147" t="s">
        <v>258</v>
      </c>
      <c r="O14" s="148" t="s">
        <v>236</v>
      </c>
      <c r="P14" s="148" t="s">
        <v>238</v>
      </c>
    </row>
    <row r="15" spans="1:255" s="136" customFormat="1" ht="127.5" x14ac:dyDescent="0.2">
      <c r="A15" s="191">
        <v>43040</v>
      </c>
      <c r="B15" s="228">
        <v>43158</v>
      </c>
      <c r="C15" s="228">
        <v>43199</v>
      </c>
      <c r="D15" s="229">
        <v>43344</v>
      </c>
      <c r="E15" s="141" t="s">
        <v>347</v>
      </c>
      <c r="F15" s="153" t="s">
        <v>235</v>
      </c>
      <c r="G15" s="146"/>
      <c r="H15" s="143" t="s">
        <v>375</v>
      </c>
      <c r="I15" s="155" t="s">
        <v>448</v>
      </c>
      <c r="J15" s="155" t="s">
        <v>364</v>
      </c>
      <c r="K15" s="145" t="s">
        <v>233</v>
      </c>
      <c r="L15" s="195"/>
      <c r="M15" s="141" t="s">
        <v>234</v>
      </c>
      <c r="N15" s="147" t="s">
        <v>259</v>
      </c>
      <c r="O15" s="148" t="s">
        <v>236</v>
      </c>
      <c r="P15" s="148" t="s">
        <v>238</v>
      </c>
    </row>
    <row r="16" spans="1:255" s="136" customFormat="1" ht="105" customHeight="1" x14ac:dyDescent="0.2">
      <c r="A16" s="191">
        <v>43040</v>
      </c>
      <c r="B16" s="228">
        <v>43158</v>
      </c>
      <c r="C16" s="228">
        <v>43199</v>
      </c>
      <c r="D16" s="229">
        <v>43344</v>
      </c>
      <c r="E16" s="141" t="s">
        <v>348</v>
      </c>
      <c r="F16" s="153" t="s">
        <v>260</v>
      </c>
      <c r="G16" s="146"/>
      <c r="H16" s="143" t="s">
        <v>375</v>
      </c>
      <c r="I16" s="153" t="s">
        <v>362</v>
      </c>
      <c r="J16" s="153" t="s">
        <v>363</v>
      </c>
      <c r="K16" s="145" t="s">
        <v>233</v>
      </c>
      <c r="L16" s="195"/>
      <c r="M16" s="141" t="s">
        <v>234</v>
      </c>
      <c r="N16" s="147" t="s">
        <v>261</v>
      </c>
      <c r="O16" s="148" t="s">
        <v>236</v>
      </c>
      <c r="P16" s="148" t="s">
        <v>238</v>
      </c>
    </row>
    <row r="17" spans="1:17" s="136" customFormat="1" ht="38.25" x14ac:dyDescent="0.2">
      <c r="A17" s="191">
        <v>43040</v>
      </c>
      <c r="B17" s="228">
        <v>43158</v>
      </c>
      <c r="C17" s="228">
        <v>43199</v>
      </c>
      <c r="D17" s="229">
        <v>43344</v>
      </c>
      <c r="E17" s="141" t="s">
        <v>349</v>
      </c>
      <c r="F17" s="150" t="s">
        <v>262</v>
      </c>
      <c r="G17" s="146"/>
      <c r="H17" s="143" t="s">
        <v>375</v>
      </c>
      <c r="I17" s="152" t="s">
        <v>332</v>
      </c>
      <c r="J17" s="152" t="s">
        <v>333</v>
      </c>
      <c r="K17" s="145" t="s">
        <v>233</v>
      </c>
      <c r="L17" s="195"/>
      <c r="M17" s="141" t="s">
        <v>234</v>
      </c>
      <c r="N17" s="147" t="s">
        <v>263</v>
      </c>
      <c r="O17" s="148" t="s">
        <v>236</v>
      </c>
      <c r="P17" s="148" t="s">
        <v>238</v>
      </c>
    </row>
    <row r="18" spans="1:17" s="136" customFormat="1" ht="25.5" x14ac:dyDescent="0.2">
      <c r="A18" s="191">
        <v>43040</v>
      </c>
      <c r="B18" s="228">
        <v>43158</v>
      </c>
      <c r="C18" s="228">
        <v>43199</v>
      </c>
      <c r="D18" s="229">
        <v>43344</v>
      </c>
      <c r="E18" s="141" t="s">
        <v>350</v>
      </c>
      <c r="F18" s="146" t="s">
        <v>327</v>
      </c>
      <c r="G18" s="146"/>
      <c r="H18" s="143" t="s">
        <v>375</v>
      </c>
      <c r="I18" s="142" t="s">
        <v>328</v>
      </c>
      <c r="J18" s="142" t="s">
        <v>377</v>
      </c>
      <c r="K18" s="142" t="s">
        <v>385</v>
      </c>
      <c r="L18" s="195"/>
      <c r="M18" s="141" t="s">
        <v>234</v>
      </c>
      <c r="N18" s="144" t="s">
        <v>360</v>
      </c>
      <c r="O18" s="147" t="s">
        <v>236</v>
      </c>
      <c r="P18" s="148" t="s">
        <v>238</v>
      </c>
    </row>
    <row r="19" spans="1:17" s="136" customFormat="1" ht="25.5" x14ac:dyDescent="0.2">
      <c r="A19" s="191">
        <v>43040</v>
      </c>
      <c r="B19" s="228">
        <v>43158</v>
      </c>
      <c r="C19" s="228">
        <v>43199</v>
      </c>
      <c r="D19" s="229">
        <v>43344</v>
      </c>
      <c r="E19" s="141" t="s">
        <v>351</v>
      </c>
      <c r="F19" s="146" t="s">
        <v>327</v>
      </c>
      <c r="G19" s="146"/>
      <c r="H19" s="143" t="s">
        <v>375</v>
      </c>
      <c r="I19" s="142" t="s">
        <v>329</v>
      </c>
      <c r="J19" s="142" t="s">
        <v>378</v>
      </c>
      <c r="K19" s="142" t="s">
        <v>385</v>
      </c>
      <c r="L19" s="195"/>
      <c r="M19" s="141" t="s">
        <v>234</v>
      </c>
      <c r="N19" s="144" t="s">
        <v>360</v>
      </c>
      <c r="O19" s="147" t="s">
        <v>236</v>
      </c>
      <c r="P19" s="148" t="s">
        <v>238</v>
      </c>
    </row>
    <row r="20" spans="1:17" ht="66" customHeight="1" x14ac:dyDescent="0.2">
      <c r="A20" s="192">
        <v>43087</v>
      </c>
      <c r="B20" s="228">
        <v>43158</v>
      </c>
      <c r="C20" s="228">
        <v>43199</v>
      </c>
      <c r="D20" s="229">
        <v>43344</v>
      </c>
      <c r="E20" s="141" t="s">
        <v>387</v>
      </c>
      <c r="F20" s="143" t="s">
        <v>25</v>
      </c>
      <c r="G20" s="143"/>
      <c r="H20" s="151" t="s">
        <v>388</v>
      </c>
      <c r="I20" s="151" t="s">
        <v>389</v>
      </c>
      <c r="J20" s="151" t="s">
        <v>386</v>
      </c>
      <c r="K20" s="151" t="s">
        <v>386</v>
      </c>
      <c r="L20" s="196">
        <v>141</v>
      </c>
      <c r="M20" s="156">
        <v>1.3</v>
      </c>
      <c r="N20" s="143" t="s">
        <v>360</v>
      </c>
      <c r="O20" s="156">
        <v>3.1</v>
      </c>
      <c r="P20" s="148" t="s">
        <v>238</v>
      </c>
    </row>
    <row r="21" spans="1:17" ht="156" customHeight="1" x14ac:dyDescent="0.2">
      <c r="A21" s="192">
        <v>43087</v>
      </c>
      <c r="B21" s="228">
        <v>43158</v>
      </c>
      <c r="C21" s="228">
        <v>43199</v>
      </c>
      <c r="D21" s="229">
        <v>43344</v>
      </c>
      <c r="E21" s="141" t="s">
        <v>392</v>
      </c>
      <c r="F21" s="143" t="s">
        <v>25</v>
      </c>
      <c r="G21" s="143"/>
      <c r="H21" s="151" t="s">
        <v>391</v>
      </c>
      <c r="I21" s="151" t="s">
        <v>390</v>
      </c>
      <c r="J21" s="151" t="s">
        <v>386</v>
      </c>
      <c r="K21" s="151" t="s">
        <v>386</v>
      </c>
      <c r="L21" s="196">
        <v>141</v>
      </c>
      <c r="M21" s="156">
        <v>1.3</v>
      </c>
      <c r="N21" s="143" t="s">
        <v>360</v>
      </c>
      <c r="O21" s="156">
        <v>3.1</v>
      </c>
      <c r="P21" s="148" t="s">
        <v>238</v>
      </c>
    </row>
    <row r="22" spans="1:17" ht="69.75" customHeight="1" x14ac:dyDescent="0.2">
      <c r="A22" s="192">
        <v>43090</v>
      </c>
      <c r="B22" s="228">
        <v>43158</v>
      </c>
      <c r="C22" s="228">
        <v>43199</v>
      </c>
      <c r="D22" s="229">
        <v>43344</v>
      </c>
      <c r="E22" s="141" t="s">
        <v>401</v>
      </c>
      <c r="F22" s="143" t="s">
        <v>7</v>
      </c>
      <c r="G22" s="143"/>
      <c r="H22" s="143" t="s">
        <v>174</v>
      </c>
      <c r="I22" s="151" t="s">
        <v>400</v>
      </c>
      <c r="J22" s="151" t="s">
        <v>402</v>
      </c>
      <c r="K22" s="151" t="s">
        <v>403</v>
      </c>
      <c r="L22" s="196">
        <v>141</v>
      </c>
      <c r="M22" s="156">
        <v>1.3</v>
      </c>
      <c r="N22" s="143" t="s">
        <v>360</v>
      </c>
      <c r="O22" s="156">
        <v>3.1</v>
      </c>
      <c r="P22" s="148" t="s">
        <v>238</v>
      </c>
    </row>
    <row r="23" spans="1:17" ht="81" customHeight="1" x14ac:dyDescent="0.2">
      <c r="A23" s="192">
        <v>43122</v>
      </c>
      <c r="B23" s="228">
        <v>43158</v>
      </c>
      <c r="C23" s="228">
        <v>43199</v>
      </c>
      <c r="D23" s="229">
        <v>43344</v>
      </c>
      <c r="E23" s="141" t="s">
        <v>410</v>
      </c>
      <c r="F23" s="143" t="s">
        <v>7</v>
      </c>
      <c r="G23" s="143"/>
      <c r="H23" s="109" t="s">
        <v>408</v>
      </c>
      <c r="I23" s="151" t="s">
        <v>407</v>
      </c>
      <c r="J23" s="151" t="s">
        <v>409</v>
      </c>
      <c r="K23" s="151" t="s">
        <v>411</v>
      </c>
      <c r="L23" s="196">
        <v>141</v>
      </c>
      <c r="M23" s="156">
        <v>1.3</v>
      </c>
      <c r="N23" s="143" t="s">
        <v>360</v>
      </c>
      <c r="O23" s="156">
        <v>3.1</v>
      </c>
      <c r="P23" s="148" t="s">
        <v>238</v>
      </c>
    </row>
    <row r="24" spans="1:17" ht="56.25" customHeight="1" x14ac:dyDescent="0.2">
      <c r="A24" s="214">
        <v>43138</v>
      </c>
      <c r="B24" s="228">
        <v>43158</v>
      </c>
      <c r="C24" s="228">
        <v>43199</v>
      </c>
      <c r="D24" s="229">
        <v>43344</v>
      </c>
      <c r="E24" s="141" t="s">
        <v>438</v>
      </c>
      <c r="F24" s="143" t="s">
        <v>25</v>
      </c>
      <c r="G24" s="143"/>
      <c r="H24" s="109" t="s">
        <v>442</v>
      </c>
      <c r="I24" s="109" t="s">
        <v>443</v>
      </c>
      <c r="J24" s="151" t="s">
        <v>439</v>
      </c>
      <c r="K24" s="151" t="s">
        <v>440</v>
      </c>
      <c r="L24" s="196">
        <v>141</v>
      </c>
      <c r="M24" s="156">
        <v>1.3</v>
      </c>
      <c r="N24" s="143" t="s">
        <v>441</v>
      </c>
      <c r="O24" s="156">
        <v>3.1</v>
      </c>
      <c r="P24" s="148" t="s">
        <v>238</v>
      </c>
    </row>
    <row r="25" spans="1:17" ht="93" customHeight="1" x14ac:dyDescent="0.2">
      <c r="A25" s="214">
        <v>43138</v>
      </c>
      <c r="B25" s="228">
        <v>43158</v>
      </c>
      <c r="C25" s="228">
        <v>43199</v>
      </c>
      <c r="D25" s="229">
        <v>43344</v>
      </c>
      <c r="E25" s="141" t="s">
        <v>444</v>
      </c>
      <c r="F25" s="151" t="s">
        <v>242</v>
      </c>
      <c r="G25" s="143"/>
      <c r="H25" s="109" t="s">
        <v>442</v>
      </c>
      <c r="I25" s="109" t="s">
        <v>445</v>
      </c>
      <c r="J25" s="151" t="s">
        <v>439</v>
      </c>
      <c r="K25" s="151" t="s">
        <v>440</v>
      </c>
      <c r="L25" s="196">
        <v>141</v>
      </c>
      <c r="M25" s="156">
        <v>1.3</v>
      </c>
      <c r="N25" s="143" t="s">
        <v>441</v>
      </c>
      <c r="O25" s="156">
        <v>3.1</v>
      </c>
      <c r="P25" s="148" t="s">
        <v>238</v>
      </c>
    </row>
    <row r="26" spans="1:17" s="224" customFormat="1" x14ac:dyDescent="0.2">
      <c r="A26" s="215" t="s">
        <v>460</v>
      </c>
      <c r="B26" s="215"/>
      <c r="C26" s="215"/>
      <c r="D26" s="216"/>
      <c r="E26" s="217"/>
      <c r="F26" s="216"/>
      <c r="G26" s="218"/>
      <c r="H26" s="215"/>
      <c r="I26" s="219"/>
      <c r="J26" s="219"/>
      <c r="K26" s="219"/>
      <c r="L26" s="215"/>
      <c r="M26" s="220"/>
      <c r="N26" s="221"/>
      <c r="O26" s="222"/>
      <c r="P26" s="223"/>
      <c r="Q26" s="139"/>
    </row>
    <row r="27" spans="1:17" ht="76.5" x14ac:dyDescent="0.2">
      <c r="A27" s="214">
        <v>43206</v>
      </c>
      <c r="B27" s="225">
        <v>43252</v>
      </c>
      <c r="C27" s="225">
        <v>43283</v>
      </c>
      <c r="D27" s="229">
        <v>43344</v>
      </c>
      <c r="E27" s="141" t="s">
        <v>455</v>
      </c>
      <c r="F27" s="143" t="s">
        <v>451</v>
      </c>
      <c r="G27" s="143"/>
      <c r="H27" s="151" t="s">
        <v>454</v>
      </c>
      <c r="I27" s="151" t="s">
        <v>458</v>
      </c>
      <c r="J27" s="151" t="s">
        <v>459</v>
      </c>
      <c r="K27" s="151" t="s">
        <v>452</v>
      </c>
      <c r="L27" s="196">
        <v>145</v>
      </c>
      <c r="M27" s="143">
        <v>1.4</v>
      </c>
      <c r="N27" s="143" t="s">
        <v>174</v>
      </c>
      <c r="O27" s="156">
        <v>3.1</v>
      </c>
      <c r="P27" s="148" t="s">
        <v>238</v>
      </c>
    </row>
    <row r="28" spans="1:17" ht="63.75" x14ac:dyDescent="0.2">
      <c r="A28" s="214">
        <v>43206</v>
      </c>
      <c r="B28" s="225">
        <v>43252</v>
      </c>
      <c r="C28" s="225">
        <v>43283</v>
      </c>
      <c r="D28" s="229">
        <v>43344</v>
      </c>
      <c r="E28" s="141" t="s">
        <v>461</v>
      </c>
      <c r="F28" s="143" t="s">
        <v>451</v>
      </c>
      <c r="G28" s="143"/>
      <c r="H28" s="151" t="s">
        <v>463</v>
      </c>
      <c r="I28" s="151" t="s">
        <v>464</v>
      </c>
      <c r="J28" s="151" t="s">
        <v>465</v>
      </c>
      <c r="K28" s="151" t="s">
        <v>452</v>
      </c>
      <c r="L28" s="196">
        <v>145</v>
      </c>
      <c r="M28" s="143">
        <v>1.4</v>
      </c>
      <c r="N28" s="143" t="s">
        <v>174</v>
      </c>
      <c r="O28" s="156">
        <v>3.1</v>
      </c>
      <c r="P28" s="148" t="s">
        <v>238</v>
      </c>
    </row>
    <row r="29" spans="1:17" ht="76.5" x14ac:dyDescent="0.2">
      <c r="A29" s="192">
        <v>43244</v>
      </c>
      <c r="B29" s="225">
        <v>43252</v>
      </c>
      <c r="C29" s="225">
        <v>43283</v>
      </c>
      <c r="D29" s="229">
        <v>43344</v>
      </c>
      <c r="E29" s="141" t="s">
        <v>469</v>
      </c>
      <c r="F29" s="143" t="s">
        <v>451</v>
      </c>
      <c r="G29" s="143"/>
      <c r="H29" s="151" t="s">
        <v>466</v>
      </c>
      <c r="I29" s="151" t="s">
        <v>470</v>
      </c>
      <c r="J29" s="151"/>
      <c r="K29" s="151" t="s">
        <v>468</v>
      </c>
      <c r="L29" s="196">
        <v>145</v>
      </c>
      <c r="M29" s="143">
        <v>1.4</v>
      </c>
      <c r="N29" s="143" t="s">
        <v>174</v>
      </c>
      <c r="O29" s="156">
        <v>3.1</v>
      </c>
      <c r="P29" s="148" t="s">
        <v>238</v>
      </c>
    </row>
    <row r="30" spans="1:17" x14ac:dyDescent="0.2">
      <c r="A30" s="215" t="s">
        <v>471</v>
      </c>
      <c r="B30" s="215"/>
      <c r="C30" s="215"/>
      <c r="D30" s="216"/>
      <c r="E30" s="217"/>
      <c r="F30" s="216"/>
      <c r="G30" s="218"/>
      <c r="H30" s="215"/>
      <c r="I30" s="219"/>
      <c r="J30" s="219"/>
      <c r="K30" s="219"/>
      <c r="L30" s="215"/>
      <c r="M30" s="231">
        <v>1.5</v>
      </c>
      <c r="N30" s="221"/>
      <c r="O30" s="222"/>
      <c r="P30" s="223"/>
    </row>
    <row r="31" spans="1:17" ht="76.5" x14ac:dyDescent="0.2">
      <c r="A31" s="192">
        <v>43272</v>
      </c>
      <c r="B31" s="229">
        <v>43321</v>
      </c>
      <c r="C31" s="228">
        <v>43322</v>
      </c>
      <c r="D31" s="229">
        <v>43344</v>
      </c>
      <c r="E31" s="143" t="s">
        <v>472</v>
      </c>
      <c r="F31" s="143" t="s">
        <v>451</v>
      </c>
      <c r="G31" s="143"/>
      <c r="H31" s="151" t="s">
        <v>473</v>
      </c>
      <c r="I31" s="143" t="s">
        <v>474</v>
      </c>
      <c r="J31" s="151" t="s">
        <v>475</v>
      </c>
      <c r="K31" s="151" t="s">
        <v>452</v>
      </c>
      <c r="L31" s="196">
        <v>157</v>
      </c>
      <c r="M31" s="143">
        <v>1.5</v>
      </c>
      <c r="N31" s="143" t="s">
        <v>174</v>
      </c>
      <c r="O31" s="156">
        <v>3.1</v>
      </c>
      <c r="P31" s="148" t="s">
        <v>238</v>
      </c>
    </row>
    <row r="32" spans="1:17" ht="204" x14ac:dyDescent="0.2">
      <c r="A32" s="192">
        <v>43277</v>
      </c>
      <c r="B32" s="229">
        <v>43321</v>
      </c>
      <c r="C32" s="228">
        <v>43322</v>
      </c>
      <c r="D32" s="229">
        <v>43344</v>
      </c>
      <c r="E32" s="143" t="s">
        <v>477</v>
      </c>
      <c r="F32" s="151" t="s">
        <v>242</v>
      </c>
      <c r="G32" s="143"/>
      <c r="H32" s="151" t="s">
        <v>480</v>
      </c>
      <c r="I32" s="73" t="s">
        <v>481</v>
      </c>
      <c r="J32" s="151" t="s">
        <v>474</v>
      </c>
      <c r="K32" s="151" t="s">
        <v>474</v>
      </c>
      <c r="L32" s="196">
        <v>157</v>
      </c>
      <c r="M32" s="143">
        <v>1.5</v>
      </c>
      <c r="N32" s="143" t="s">
        <v>174</v>
      </c>
      <c r="O32" s="156">
        <v>3.1</v>
      </c>
      <c r="P32" s="148" t="s">
        <v>238</v>
      </c>
    </row>
    <row r="33" spans="1:17" ht="51" x14ac:dyDescent="0.2">
      <c r="A33" s="192">
        <v>43291</v>
      </c>
      <c r="B33" s="229">
        <v>43321</v>
      </c>
      <c r="C33" s="228">
        <v>43322</v>
      </c>
      <c r="D33" s="229">
        <v>43344</v>
      </c>
      <c r="E33" s="143" t="s">
        <v>485</v>
      </c>
      <c r="F33" s="151" t="s">
        <v>484</v>
      </c>
      <c r="G33" s="151" t="s">
        <v>487</v>
      </c>
      <c r="H33" s="143"/>
      <c r="I33" s="151" t="s">
        <v>486</v>
      </c>
      <c r="J33" s="151" t="s">
        <v>474</v>
      </c>
      <c r="K33" s="151" t="s">
        <v>474</v>
      </c>
      <c r="L33" s="196">
        <v>157</v>
      </c>
      <c r="M33" s="143">
        <v>1.5</v>
      </c>
      <c r="N33" s="143" t="s">
        <v>174</v>
      </c>
      <c r="O33" s="156">
        <v>3.1</v>
      </c>
      <c r="P33" s="148" t="s">
        <v>238</v>
      </c>
    </row>
    <row r="34" spans="1:17" ht="51" x14ac:dyDescent="0.2">
      <c r="A34" s="192">
        <v>43291</v>
      </c>
      <c r="B34" s="229">
        <v>43321</v>
      </c>
      <c r="C34" s="228">
        <v>43322</v>
      </c>
      <c r="D34" s="229">
        <v>43344</v>
      </c>
      <c r="E34" s="143" t="s">
        <v>488</v>
      </c>
      <c r="F34" s="143" t="s">
        <v>489</v>
      </c>
      <c r="G34" s="156">
        <v>12</v>
      </c>
      <c r="H34" s="151" t="s">
        <v>209</v>
      </c>
      <c r="I34" s="151" t="s">
        <v>490</v>
      </c>
      <c r="J34" s="151" t="s">
        <v>474</v>
      </c>
      <c r="K34" s="151" t="s">
        <v>474</v>
      </c>
      <c r="L34" s="196">
        <v>157</v>
      </c>
      <c r="M34" s="143">
        <v>1.5</v>
      </c>
      <c r="N34" s="143" t="s">
        <v>174</v>
      </c>
      <c r="O34" s="156">
        <v>3.1</v>
      </c>
      <c r="P34" s="148" t="s">
        <v>238</v>
      </c>
    </row>
    <row r="35" spans="1:17" ht="140.25" x14ac:dyDescent="0.2">
      <c r="A35" s="192">
        <v>43291</v>
      </c>
      <c r="B35" s="229">
        <v>43321</v>
      </c>
      <c r="C35" s="228">
        <v>43322</v>
      </c>
      <c r="D35" s="229">
        <v>43344</v>
      </c>
      <c r="E35" s="143" t="s">
        <v>494</v>
      </c>
      <c r="F35" s="143" t="s">
        <v>489</v>
      </c>
      <c r="G35" s="156">
        <v>13</v>
      </c>
      <c r="H35" s="73" t="s">
        <v>491</v>
      </c>
      <c r="I35" s="73" t="s">
        <v>492</v>
      </c>
      <c r="J35" s="151" t="s">
        <v>474</v>
      </c>
      <c r="K35" s="151" t="s">
        <v>474</v>
      </c>
      <c r="L35" s="196">
        <v>157</v>
      </c>
      <c r="M35" s="143">
        <v>1.5</v>
      </c>
      <c r="N35" s="143" t="s">
        <v>174</v>
      </c>
      <c r="O35" s="156">
        <v>3.1</v>
      </c>
      <c r="P35" s="148" t="s">
        <v>238</v>
      </c>
    </row>
    <row r="36" spans="1:17" ht="76.5" x14ac:dyDescent="0.2">
      <c r="A36" s="192">
        <v>43291</v>
      </c>
      <c r="B36" s="229">
        <v>43321</v>
      </c>
      <c r="C36" s="228">
        <v>43322</v>
      </c>
      <c r="D36" s="229">
        <v>43344</v>
      </c>
      <c r="E36" s="143" t="s">
        <v>496</v>
      </c>
      <c r="F36" s="143" t="s">
        <v>497</v>
      </c>
      <c r="G36" s="156">
        <v>29</v>
      </c>
      <c r="H36" s="165" t="s">
        <v>359</v>
      </c>
      <c r="I36" s="73" t="s">
        <v>495</v>
      </c>
      <c r="J36" s="151" t="s">
        <v>474</v>
      </c>
      <c r="K36" s="151" t="s">
        <v>474</v>
      </c>
      <c r="L36" s="196">
        <v>157</v>
      </c>
      <c r="M36" s="143">
        <v>1.5</v>
      </c>
      <c r="N36" s="143" t="s">
        <v>174</v>
      </c>
      <c r="O36" s="156">
        <v>3.1</v>
      </c>
      <c r="P36" s="148" t="s">
        <v>238</v>
      </c>
    </row>
    <row r="37" spans="1:17" ht="333" customHeight="1" x14ac:dyDescent="0.2">
      <c r="A37" s="192">
        <v>43305</v>
      </c>
      <c r="B37" s="229">
        <v>43321</v>
      </c>
      <c r="C37" s="228">
        <v>43322</v>
      </c>
      <c r="D37" s="229">
        <v>43344</v>
      </c>
      <c r="E37" s="143" t="s">
        <v>498</v>
      </c>
      <c r="F37" s="143" t="s">
        <v>7</v>
      </c>
      <c r="G37" s="235" t="s">
        <v>503</v>
      </c>
      <c r="H37" s="151" t="s">
        <v>478</v>
      </c>
      <c r="I37" s="236" t="s">
        <v>516</v>
      </c>
      <c r="J37" s="151" t="s">
        <v>511</v>
      </c>
      <c r="K37" s="151" t="s">
        <v>499</v>
      </c>
      <c r="L37" s="196">
        <v>157</v>
      </c>
      <c r="M37" s="143">
        <v>1.5</v>
      </c>
      <c r="N37" s="143" t="s">
        <v>174</v>
      </c>
      <c r="O37" s="156">
        <v>3.1</v>
      </c>
      <c r="P37" s="148" t="s">
        <v>238</v>
      </c>
    </row>
    <row r="38" spans="1:17" ht="403.5" customHeight="1" x14ac:dyDescent="0.2">
      <c r="A38" s="192">
        <v>43313</v>
      </c>
      <c r="B38" s="229">
        <v>43321</v>
      </c>
      <c r="C38" s="228">
        <v>43322</v>
      </c>
      <c r="D38" s="229">
        <v>43344</v>
      </c>
      <c r="E38" s="143" t="s">
        <v>500</v>
      </c>
      <c r="F38" s="143" t="s">
        <v>7</v>
      </c>
      <c r="G38" s="234" t="s">
        <v>508</v>
      </c>
      <c r="H38" s="151" t="s">
        <v>174</v>
      </c>
      <c r="I38" s="237" t="s">
        <v>515</v>
      </c>
      <c r="J38" s="151" t="s">
        <v>510</v>
      </c>
      <c r="K38" s="151" t="s">
        <v>501</v>
      </c>
      <c r="L38" s="196">
        <v>157</v>
      </c>
      <c r="M38" s="143">
        <v>1.5</v>
      </c>
      <c r="N38" s="143" t="s">
        <v>174</v>
      </c>
      <c r="O38" s="156">
        <v>3.1</v>
      </c>
      <c r="P38" s="148" t="s">
        <v>238</v>
      </c>
    </row>
    <row r="39" spans="1:17" ht="351.4" customHeight="1" x14ac:dyDescent="0.2">
      <c r="A39" s="192">
        <v>43313</v>
      </c>
      <c r="B39" s="229">
        <v>43321</v>
      </c>
      <c r="C39" s="228">
        <v>43322</v>
      </c>
      <c r="D39" s="229">
        <v>43344</v>
      </c>
      <c r="E39" s="143" t="s">
        <v>502</v>
      </c>
      <c r="F39" s="143" t="s">
        <v>25</v>
      </c>
      <c r="G39" s="235" t="s">
        <v>505</v>
      </c>
      <c r="H39" s="151" t="s">
        <v>174</v>
      </c>
      <c r="I39" s="164" t="s">
        <v>513</v>
      </c>
      <c r="J39" s="151" t="s">
        <v>509</v>
      </c>
      <c r="K39" s="151" t="s">
        <v>504</v>
      </c>
      <c r="L39" s="196">
        <v>157</v>
      </c>
      <c r="M39" s="143">
        <v>1.5</v>
      </c>
      <c r="N39" s="143" t="s">
        <v>174</v>
      </c>
      <c r="O39" s="156">
        <v>3.1</v>
      </c>
      <c r="P39" s="148" t="s">
        <v>238</v>
      </c>
    </row>
    <row r="40" spans="1:17" s="264" customFormat="1" x14ac:dyDescent="0.2">
      <c r="A40" s="255" t="s">
        <v>545</v>
      </c>
      <c r="B40" s="256"/>
      <c r="C40" s="257"/>
      <c r="D40" s="258"/>
      <c r="E40" s="255" t="s">
        <v>553</v>
      </c>
      <c r="F40" s="258"/>
      <c r="G40" s="256"/>
      <c r="H40" s="256"/>
      <c r="I40" s="259"/>
      <c r="J40" s="260"/>
      <c r="K40" s="261"/>
      <c r="L40" s="262"/>
      <c r="M40" s="263"/>
      <c r="N40" s="263"/>
      <c r="O40" s="263"/>
      <c r="P40" s="263"/>
    </row>
    <row r="41" spans="1:17" ht="351.4" customHeight="1" x14ac:dyDescent="0.2">
      <c r="A41" s="192">
        <v>43313</v>
      </c>
      <c r="B41" s="274">
        <v>43382</v>
      </c>
      <c r="C41" s="274">
        <v>43382</v>
      </c>
      <c r="D41" s="274">
        <v>43382</v>
      </c>
      <c r="E41" s="143" t="s">
        <v>520</v>
      </c>
      <c r="F41" s="143" t="s">
        <v>25</v>
      </c>
      <c r="G41" s="235" t="s">
        <v>505</v>
      </c>
      <c r="H41" s="151" t="s">
        <v>174</v>
      </c>
      <c r="I41" s="164" t="s">
        <v>517</v>
      </c>
      <c r="J41" s="151" t="s">
        <v>518</v>
      </c>
      <c r="K41" s="151" t="s">
        <v>519</v>
      </c>
      <c r="L41" s="196" t="s">
        <v>124</v>
      </c>
      <c r="M41" s="143">
        <v>1.6</v>
      </c>
      <c r="N41" s="143" t="s">
        <v>174</v>
      </c>
      <c r="O41" s="156">
        <v>3.1</v>
      </c>
      <c r="P41" s="148" t="s">
        <v>238</v>
      </c>
    </row>
    <row r="42" spans="1:17" ht="89.25" x14ac:dyDescent="0.2">
      <c r="A42" s="192">
        <v>43338</v>
      </c>
      <c r="B42" s="274">
        <v>43382</v>
      </c>
      <c r="C42" s="274">
        <v>43382</v>
      </c>
      <c r="D42" s="274">
        <v>43382</v>
      </c>
      <c r="E42" s="143" t="s">
        <v>521</v>
      </c>
      <c r="F42" s="143" t="s">
        <v>25</v>
      </c>
      <c r="G42" s="238" t="s">
        <v>522</v>
      </c>
      <c r="H42" s="73" t="s">
        <v>524</v>
      </c>
      <c r="I42" s="73" t="s">
        <v>525</v>
      </c>
      <c r="J42" s="151" t="s">
        <v>527</v>
      </c>
      <c r="K42" s="151" t="s">
        <v>528</v>
      </c>
      <c r="L42" s="196" t="s">
        <v>124</v>
      </c>
      <c r="M42" s="143">
        <v>1.6</v>
      </c>
      <c r="N42" s="143" t="s">
        <v>174</v>
      </c>
      <c r="O42" s="156">
        <v>3.1</v>
      </c>
      <c r="P42" s="148" t="s">
        <v>238</v>
      </c>
    </row>
    <row r="43" spans="1:17" ht="51" x14ac:dyDescent="0.2">
      <c r="A43" s="192">
        <v>43341</v>
      </c>
      <c r="B43" s="274">
        <v>43382</v>
      </c>
      <c r="C43" s="274">
        <v>43382</v>
      </c>
      <c r="D43" s="274">
        <v>43382</v>
      </c>
      <c r="E43" s="143" t="s">
        <v>530</v>
      </c>
      <c r="F43" s="143" t="s">
        <v>7</v>
      </c>
      <c r="G43" s="143" t="s">
        <v>531</v>
      </c>
      <c r="H43" s="151" t="s">
        <v>532</v>
      </c>
      <c r="I43" s="151" t="s">
        <v>534</v>
      </c>
      <c r="J43" s="151" t="s">
        <v>533</v>
      </c>
      <c r="K43" s="151" t="s">
        <v>474</v>
      </c>
      <c r="L43" s="196" t="s">
        <v>124</v>
      </c>
      <c r="M43" s="143">
        <v>1.6</v>
      </c>
      <c r="N43" s="143" t="s">
        <v>174</v>
      </c>
      <c r="O43" s="156">
        <v>3.1</v>
      </c>
      <c r="P43" s="148" t="s">
        <v>238</v>
      </c>
    </row>
    <row r="44" spans="1:17" ht="63.75" x14ac:dyDescent="0.2">
      <c r="A44" s="192">
        <v>43346</v>
      </c>
      <c r="B44" s="274">
        <v>43382</v>
      </c>
      <c r="C44" s="274">
        <v>43382</v>
      </c>
      <c r="D44" s="274">
        <v>43382</v>
      </c>
      <c r="E44" s="143" t="s">
        <v>536</v>
      </c>
      <c r="F44" s="151" t="s">
        <v>242</v>
      </c>
      <c r="G44" s="151" t="s">
        <v>537</v>
      </c>
      <c r="H44" s="151" t="s">
        <v>538</v>
      </c>
      <c r="I44" s="151" t="s">
        <v>539</v>
      </c>
      <c r="J44" s="151" t="s">
        <v>546</v>
      </c>
      <c r="K44" s="151" t="s">
        <v>540</v>
      </c>
      <c r="L44" s="196"/>
      <c r="M44" s="143">
        <v>1.6</v>
      </c>
      <c r="N44" s="143" t="s">
        <v>174</v>
      </c>
      <c r="O44" s="156">
        <v>3.1</v>
      </c>
      <c r="P44" s="148" t="s">
        <v>238</v>
      </c>
    </row>
    <row r="45" spans="1:17" ht="38.25" x14ac:dyDescent="0.2">
      <c r="A45" s="276">
        <v>43346</v>
      </c>
      <c r="B45" s="277">
        <v>43382</v>
      </c>
      <c r="C45" s="277">
        <v>43382</v>
      </c>
      <c r="D45" s="277">
        <v>43382</v>
      </c>
      <c r="E45" s="278" t="s">
        <v>541</v>
      </c>
      <c r="F45" s="279" t="s">
        <v>542</v>
      </c>
      <c r="G45" s="279" t="s">
        <v>535</v>
      </c>
      <c r="H45" s="279" t="s">
        <v>543</v>
      </c>
      <c r="I45" s="280" t="s">
        <v>544</v>
      </c>
      <c r="J45" s="279" t="s">
        <v>546</v>
      </c>
      <c r="K45" s="279" t="s">
        <v>540</v>
      </c>
      <c r="L45" s="281"/>
      <c r="M45" s="278">
        <v>1.6</v>
      </c>
      <c r="N45" s="278" t="s">
        <v>174</v>
      </c>
      <c r="O45" s="282">
        <v>3.1</v>
      </c>
      <c r="P45" s="253" t="s">
        <v>238</v>
      </c>
      <c r="Q45" s="278"/>
    </row>
    <row r="46" spans="1:17" s="284" customFormat="1" x14ac:dyDescent="0.2">
      <c r="A46" s="283" t="s">
        <v>557</v>
      </c>
      <c r="B46" s="256"/>
      <c r="C46" s="257"/>
      <c r="D46" s="258"/>
      <c r="E46" s="283" t="s">
        <v>558</v>
      </c>
      <c r="F46" s="258"/>
      <c r="G46" s="256"/>
      <c r="H46" s="256"/>
      <c r="I46" s="259"/>
      <c r="J46" s="260"/>
      <c r="K46" s="261"/>
      <c r="L46" s="262"/>
      <c r="M46" s="263"/>
      <c r="N46" s="263"/>
      <c r="O46" s="263"/>
      <c r="P46" s="263"/>
    </row>
    <row r="47" spans="1:17" s="143" customFormat="1" ht="72.75" customHeight="1" x14ac:dyDescent="0.2">
      <c r="A47" s="192">
        <v>43431</v>
      </c>
      <c r="B47" s="285"/>
      <c r="C47" s="285"/>
      <c r="D47" s="274">
        <v>43382</v>
      </c>
      <c r="E47" s="143" t="s">
        <v>559</v>
      </c>
      <c r="F47" s="151" t="s">
        <v>560</v>
      </c>
      <c r="G47" s="151" t="s">
        <v>561</v>
      </c>
      <c r="H47" s="151" t="s">
        <v>564</v>
      </c>
      <c r="I47" s="151" t="s">
        <v>563</v>
      </c>
      <c r="J47" s="151" t="s">
        <v>565</v>
      </c>
      <c r="K47" s="151" t="s">
        <v>562</v>
      </c>
      <c r="L47" s="336" t="s">
        <v>566</v>
      </c>
      <c r="M47" s="143">
        <v>1.7</v>
      </c>
      <c r="N47" s="143" t="s">
        <v>174</v>
      </c>
      <c r="O47" s="156">
        <v>3.1</v>
      </c>
      <c r="P47" s="148" t="s">
        <v>238</v>
      </c>
    </row>
    <row r="49" spans="9:9" x14ac:dyDescent="0.2">
      <c r="I49" s="286"/>
    </row>
  </sheetData>
  <autoFilter ref="A1:P23" xr:uid="{00000000-0009-0000-0000-000001000000}"/>
  <pageMargins left="0.25" right="0.25" top="0.75" bottom="0.75" header="0.3" footer="0.3"/>
  <pageSetup paperSize="5" scale="60" orientation="landscape" r:id="rId1"/>
  <headerFooter>
    <oddHeader>&amp;COKWCC Event Table Change Log</oddHeader>
    <oddFooter>&amp;L&amp;F&amp;C&amp;P&amp;R&amp;A</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46"/>
  <sheetViews>
    <sheetView zoomScaleNormal="100" zoomScalePageLayoutView="80" workbookViewId="0">
      <pane ySplit="2" topLeftCell="A3" activePane="bottomLeft" state="frozen"/>
      <selection pane="bottomLeft" activeCell="A3" sqref="A3"/>
    </sheetView>
  </sheetViews>
  <sheetFormatPr defaultColWidth="9.140625" defaultRowHeight="12.75" x14ac:dyDescent="0.2"/>
  <cols>
    <col min="1" max="1" width="9.140625" style="86"/>
    <col min="2" max="2" width="27" style="59" customWidth="1"/>
    <col min="3" max="3" width="42.7109375" style="59" customWidth="1"/>
    <col min="4" max="4" width="5.42578125" style="87" customWidth="1"/>
    <col min="5" max="5" width="17.7109375" style="59" customWidth="1"/>
    <col min="6" max="6" width="43.28515625" style="59" customWidth="1"/>
    <col min="7" max="7" width="14.7109375" style="86" customWidth="1"/>
    <col min="8" max="8" width="35.85546875" style="137" hidden="1" customWidth="1"/>
    <col min="9" max="16384" width="9.140625" style="59"/>
  </cols>
  <sheetData>
    <row r="1" spans="1:9" ht="35.25" customHeight="1" x14ac:dyDescent="0.2">
      <c r="A1" s="197"/>
      <c r="B1" s="287" t="s">
        <v>163</v>
      </c>
      <c r="C1" s="288"/>
      <c r="D1" s="288"/>
      <c r="E1" s="288"/>
      <c r="F1" s="288"/>
      <c r="G1" s="289"/>
    </row>
    <row r="2" spans="1:9" ht="52.5" customHeight="1" x14ac:dyDescent="0.2">
      <c r="A2" s="158" t="s">
        <v>0</v>
      </c>
      <c r="B2" s="159" t="s">
        <v>151</v>
      </c>
      <c r="C2" s="160" t="s">
        <v>153</v>
      </c>
      <c r="D2" s="161" t="s">
        <v>136</v>
      </c>
      <c r="E2" s="159" t="s">
        <v>137</v>
      </c>
      <c r="F2" s="159" t="s">
        <v>138</v>
      </c>
      <c r="G2" s="158" t="s">
        <v>152</v>
      </c>
      <c r="H2" s="162" t="s">
        <v>323</v>
      </c>
    </row>
    <row r="3" spans="1:9" s="80" customFormat="1" ht="169.5" customHeight="1" x14ac:dyDescent="0.2">
      <c r="A3" s="83" t="s">
        <v>7</v>
      </c>
      <c r="B3" s="78" t="s">
        <v>165</v>
      </c>
      <c r="C3" s="73" t="s">
        <v>482</v>
      </c>
      <c r="D3" s="67" t="s">
        <v>8</v>
      </c>
      <c r="E3" s="73" t="s">
        <v>9</v>
      </c>
      <c r="F3" s="73" t="s">
        <v>139</v>
      </c>
      <c r="G3" s="78" t="s">
        <v>158</v>
      </c>
    </row>
    <row r="4" spans="1:9" s="80" customFormat="1" ht="27.75" customHeight="1" x14ac:dyDescent="0.2">
      <c r="A4" s="83" t="s">
        <v>7</v>
      </c>
      <c r="B4" s="78" t="s">
        <v>155</v>
      </c>
      <c r="C4" s="73"/>
      <c r="D4" s="67" t="s">
        <v>12</v>
      </c>
      <c r="E4" s="73" t="s">
        <v>315</v>
      </c>
      <c r="F4" s="73" t="s">
        <v>140</v>
      </c>
      <c r="G4" s="78" t="s">
        <v>158</v>
      </c>
    </row>
    <row r="5" spans="1:9" s="80" customFormat="1" ht="38.25" x14ac:dyDescent="0.2">
      <c r="A5" s="83" t="s">
        <v>7</v>
      </c>
      <c r="B5" s="78" t="s">
        <v>155</v>
      </c>
      <c r="C5" s="73"/>
      <c r="D5" s="67" t="s">
        <v>13</v>
      </c>
      <c r="E5" s="73" t="s">
        <v>20</v>
      </c>
      <c r="F5" s="73" t="s">
        <v>141</v>
      </c>
      <c r="G5" s="78" t="s">
        <v>158</v>
      </c>
    </row>
    <row r="6" spans="1:9" s="80" customFormat="1" ht="155.25" customHeight="1" x14ac:dyDescent="0.2">
      <c r="A6" s="83" t="s">
        <v>7</v>
      </c>
      <c r="B6" s="78" t="s">
        <v>156</v>
      </c>
      <c r="C6" s="73" t="s">
        <v>412</v>
      </c>
      <c r="D6" s="67" t="s">
        <v>14</v>
      </c>
      <c r="E6" s="73" t="s">
        <v>21</v>
      </c>
      <c r="F6" s="73" t="s">
        <v>413</v>
      </c>
      <c r="G6" s="78" t="s">
        <v>158</v>
      </c>
      <c r="H6" s="59" t="s">
        <v>322</v>
      </c>
      <c r="I6" s="157" t="s">
        <v>124</v>
      </c>
    </row>
    <row r="7" spans="1:9" ht="50.25" customHeight="1" x14ac:dyDescent="0.2">
      <c r="A7" s="83" t="s">
        <v>7</v>
      </c>
      <c r="B7" s="78" t="s">
        <v>156</v>
      </c>
      <c r="C7" s="73"/>
      <c r="D7" s="67" t="s">
        <v>14</v>
      </c>
      <c r="E7" s="73" t="s">
        <v>21</v>
      </c>
      <c r="F7" s="73" t="s">
        <v>414</v>
      </c>
      <c r="G7" s="78" t="s">
        <v>320</v>
      </c>
      <c r="H7" s="59" t="s">
        <v>321</v>
      </c>
    </row>
    <row r="8" spans="1:9" s="80" customFormat="1" ht="51" x14ac:dyDescent="0.2">
      <c r="A8" s="83" t="s">
        <v>7</v>
      </c>
      <c r="B8" s="78" t="s">
        <v>165</v>
      </c>
      <c r="C8" s="73"/>
      <c r="D8" s="67" t="s">
        <v>15</v>
      </c>
      <c r="E8" s="73" t="s">
        <v>22</v>
      </c>
      <c r="F8" s="73" t="s">
        <v>142</v>
      </c>
      <c r="G8" s="78" t="s">
        <v>158</v>
      </c>
    </row>
    <row r="9" spans="1:9" s="80" customFormat="1" ht="86.25" customHeight="1" x14ac:dyDescent="0.2">
      <c r="A9" s="83" t="s">
        <v>7</v>
      </c>
      <c r="B9" s="78" t="s">
        <v>165</v>
      </c>
      <c r="C9" s="73"/>
      <c r="D9" s="67" t="s">
        <v>16</v>
      </c>
      <c r="E9" s="73" t="s">
        <v>100</v>
      </c>
      <c r="F9" s="73" t="s">
        <v>143</v>
      </c>
      <c r="G9" s="78" t="s">
        <v>158</v>
      </c>
    </row>
    <row r="10" spans="1:9" s="80" customFormat="1" ht="48" customHeight="1" x14ac:dyDescent="0.2">
      <c r="A10" s="83" t="s">
        <v>7</v>
      </c>
      <c r="B10" s="78" t="s">
        <v>155</v>
      </c>
      <c r="C10" s="73"/>
      <c r="D10" s="67" t="s">
        <v>17</v>
      </c>
      <c r="E10" s="73" t="s">
        <v>23</v>
      </c>
      <c r="F10" s="73" t="s">
        <v>144</v>
      </c>
      <c r="G10" s="78" t="s">
        <v>158</v>
      </c>
    </row>
    <row r="11" spans="1:9" s="80" customFormat="1" ht="98.25" customHeight="1" x14ac:dyDescent="0.2">
      <c r="A11" s="83" t="s">
        <v>7</v>
      </c>
      <c r="B11" s="78" t="s">
        <v>166</v>
      </c>
      <c r="C11" s="73" t="s">
        <v>210</v>
      </c>
      <c r="D11" s="67" t="s">
        <v>18</v>
      </c>
      <c r="E11" s="73" t="s">
        <v>24</v>
      </c>
      <c r="F11" s="73" t="s">
        <v>145</v>
      </c>
      <c r="G11" s="78" t="s">
        <v>158</v>
      </c>
    </row>
    <row r="12" spans="1:9" ht="153" x14ac:dyDescent="0.2">
      <c r="A12" s="83" t="s">
        <v>7</v>
      </c>
      <c r="B12" s="78" t="s">
        <v>213</v>
      </c>
      <c r="C12" s="163" t="s">
        <v>415</v>
      </c>
      <c r="D12" s="67" t="s">
        <v>19</v>
      </c>
      <c r="E12" s="73" t="s">
        <v>283</v>
      </c>
      <c r="F12" s="73" t="s">
        <v>354</v>
      </c>
      <c r="G12" s="78" t="s">
        <v>154</v>
      </c>
      <c r="H12" s="137" t="s">
        <v>394</v>
      </c>
    </row>
    <row r="13" spans="1:9" ht="148.5" customHeight="1" x14ac:dyDescent="0.2">
      <c r="A13" s="83" t="s">
        <v>7</v>
      </c>
      <c r="B13" s="78"/>
      <c r="C13" s="73"/>
      <c r="D13" s="67" t="s">
        <v>19</v>
      </c>
      <c r="E13" s="73" t="s">
        <v>284</v>
      </c>
      <c r="F13" s="73" t="s">
        <v>420</v>
      </c>
      <c r="G13" s="78" t="s">
        <v>167</v>
      </c>
      <c r="H13" s="137" t="s">
        <v>353</v>
      </c>
    </row>
    <row r="14" spans="1:9" s="80" customFormat="1" ht="60.75" customHeight="1" x14ac:dyDescent="0.2">
      <c r="A14" s="83" t="s">
        <v>25</v>
      </c>
      <c r="B14" s="78" t="s">
        <v>155</v>
      </c>
      <c r="C14" s="73" t="s">
        <v>124</v>
      </c>
      <c r="D14" s="67" t="s">
        <v>13</v>
      </c>
      <c r="E14" s="73" t="s">
        <v>20</v>
      </c>
      <c r="F14" s="73" t="s">
        <v>141</v>
      </c>
      <c r="G14" s="78" t="s">
        <v>158</v>
      </c>
    </row>
    <row r="15" spans="1:9" ht="50.25" customHeight="1" x14ac:dyDescent="0.2">
      <c r="A15" s="83" t="s">
        <v>25</v>
      </c>
      <c r="B15" s="78" t="s">
        <v>156</v>
      </c>
      <c r="C15" s="72" t="s">
        <v>175</v>
      </c>
      <c r="D15" s="67" t="s">
        <v>14</v>
      </c>
      <c r="E15" s="73" t="s">
        <v>21</v>
      </c>
      <c r="F15" s="73" t="s">
        <v>416</v>
      </c>
      <c r="G15" s="78" t="s">
        <v>320</v>
      </c>
      <c r="H15" s="59" t="s">
        <v>324</v>
      </c>
    </row>
    <row r="16" spans="1:9" ht="65.25" customHeight="1" x14ac:dyDescent="0.2">
      <c r="A16" s="83" t="s">
        <v>25</v>
      </c>
      <c r="B16" s="78" t="s">
        <v>156</v>
      </c>
      <c r="C16" s="72" t="s">
        <v>176</v>
      </c>
      <c r="D16" s="67" t="s">
        <v>14</v>
      </c>
      <c r="E16" s="73" t="s">
        <v>21</v>
      </c>
      <c r="F16" s="73" t="s">
        <v>319</v>
      </c>
      <c r="G16" s="78" t="s">
        <v>320</v>
      </c>
      <c r="H16" s="59" t="s">
        <v>324</v>
      </c>
    </row>
    <row r="17" spans="1:14" s="80" customFormat="1" ht="69" customHeight="1" x14ac:dyDescent="0.2">
      <c r="A17" s="83" t="s">
        <v>25</v>
      </c>
      <c r="B17" s="78" t="s">
        <v>124</v>
      </c>
      <c r="C17" s="73"/>
      <c r="D17" s="67" t="s">
        <v>26</v>
      </c>
      <c r="E17" s="73" t="s">
        <v>39</v>
      </c>
      <c r="F17" s="73" t="s">
        <v>179</v>
      </c>
      <c r="G17" s="78" t="s">
        <v>167</v>
      </c>
    </row>
    <row r="18" spans="1:14" ht="98.65" customHeight="1" x14ac:dyDescent="0.2">
      <c r="A18" s="83" t="s">
        <v>25</v>
      </c>
      <c r="B18" s="78"/>
      <c r="C18" s="73"/>
      <c r="D18" s="67" t="s">
        <v>285</v>
      </c>
      <c r="E18" s="73" t="s">
        <v>312</v>
      </c>
      <c r="F18" s="73" t="s">
        <v>313</v>
      </c>
      <c r="G18" s="78" t="s">
        <v>355</v>
      </c>
      <c r="H18" s="137" t="s">
        <v>421</v>
      </c>
    </row>
    <row r="19" spans="1:14" s="80" customFormat="1" ht="119.25" customHeight="1" x14ac:dyDescent="0.2">
      <c r="A19" s="83" t="s">
        <v>25</v>
      </c>
      <c r="B19" s="78" t="s">
        <v>162</v>
      </c>
      <c r="C19" s="73"/>
      <c r="D19" s="67" t="s">
        <v>27</v>
      </c>
      <c r="E19" s="73" t="s">
        <v>150</v>
      </c>
      <c r="F19" s="73" t="s">
        <v>180</v>
      </c>
      <c r="G19" s="78" t="s">
        <v>158</v>
      </c>
    </row>
    <row r="20" spans="1:14" s="80" customFormat="1" ht="108" customHeight="1" x14ac:dyDescent="0.2">
      <c r="A20" s="83" t="s">
        <v>25</v>
      </c>
      <c r="B20" s="78" t="s">
        <v>157</v>
      </c>
      <c r="C20" s="73"/>
      <c r="D20" s="67" t="s">
        <v>28</v>
      </c>
      <c r="E20" s="73" t="s">
        <v>41</v>
      </c>
      <c r="F20" s="73" t="s">
        <v>178</v>
      </c>
      <c r="G20" s="78" t="s">
        <v>158</v>
      </c>
    </row>
    <row r="21" spans="1:14" s="80" customFormat="1" ht="195.75" customHeight="1" x14ac:dyDescent="0.2">
      <c r="A21" s="83" t="s">
        <v>25</v>
      </c>
      <c r="B21" s="78" t="s">
        <v>157</v>
      </c>
      <c r="C21" s="73"/>
      <c r="D21" s="67" t="s">
        <v>29</v>
      </c>
      <c r="E21" s="73" t="s">
        <v>42</v>
      </c>
      <c r="F21" s="73" t="s">
        <v>191</v>
      </c>
      <c r="G21" s="78" t="s">
        <v>158</v>
      </c>
    </row>
    <row r="22" spans="1:14" s="80" customFormat="1" ht="114.75" x14ac:dyDescent="0.2">
      <c r="A22" s="83" t="s">
        <v>25</v>
      </c>
      <c r="B22" s="78" t="s">
        <v>157</v>
      </c>
      <c r="C22" s="73"/>
      <c r="D22" s="67" t="s">
        <v>30</v>
      </c>
      <c r="E22" s="73" t="s">
        <v>182</v>
      </c>
      <c r="F22" s="73" t="s">
        <v>181</v>
      </c>
      <c r="G22" s="78" t="s">
        <v>158</v>
      </c>
    </row>
    <row r="23" spans="1:14" s="80" customFormat="1" ht="159" customHeight="1" x14ac:dyDescent="0.2">
      <c r="A23" s="83" t="s">
        <v>25</v>
      </c>
      <c r="B23" s="78" t="s">
        <v>155</v>
      </c>
      <c r="C23" s="73" t="s">
        <v>124</v>
      </c>
      <c r="D23" s="67" t="s">
        <v>17</v>
      </c>
      <c r="E23" s="73" t="s">
        <v>23</v>
      </c>
      <c r="F23" s="73" t="s">
        <v>183</v>
      </c>
      <c r="G23" s="78" t="s">
        <v>158</v>
      </c>
    </row>
    <row r="24" spans="1:14" s="80" customFormat="1" ht="114.75" customHeight="1" x14ac:dyDescent="0.2">
      <c r="A24" s="83" t="s">
        <v>25</v>
      </c>
      <c r="B24" s="78" t="s">
        <v>162</v>
      </c>
      <c r="C24" s="73"/>
      <c r="D24" s="67" t="s">
        <v>31</v>
      </c>
      <c r="E24" s="73" t="s">
        <v>43</v>
      </c>
      <c r="F24" s="73" t="s">
        <v>184</v>
      </c>
      <c r="G24" s="78" t="s">
        <v>158</v>
      </c>
      <c r="N24" s="84"/>
    </row>
    <row r="25" spans="1:14" s="80" customFormat="1" ht="102.75" customHeight="1" x14ac:dyDescent="0.2">
      <c r="A25" s="83" t="s">
        <v>25</v>
      </c>
      <c r="B25" s="78" t="s">
        <v>157</v>
      </c>
      <c r="C25" s="73"/>
      <c r="D25" s="67" t="s">
        <v>32</v>
      </c>
      <c r="E25" s="73" t="s">
        <v>44</v>
      </c>
      <c r="F25" s="73" t="s">
        <v>422</v>
      </c>
      <c r="G25" s="78" t="s">
        <v>158</v>
      </c>
    </row>
    <row r="26" spans="1:14" s="80" customFormat="1" ht="51" x14ac:dyDescent="0.2">
      <c r="A26" s="83" t="s">
        <v>25</v>
      </c>
      <c r="B26" s="78" t="s">
        <v>157</v>
      </c>
      <c r="C26" s="73"/>
      <c r="D26" s="67" t="s">
        <v>54</v>
      </c>
      <c r="E26" s="73" t="s">
        <v>61</v>
      </c>
      <c r="F26" s="73" t="s">
        <v>147</v>
      </c>
      <c r="G26" s="78" t="s">
        <v>158</v>
      </c>
    </row>
    <row r="27" spans="1:14" s="80" customFormat="1" ht="71.25" customHeight="1" x14ac:dyDescent="0.2">
      <c r="A27" s="83" t="s">
        <v>25</v>
      </c>
      <c r="B27" s="78" t="s">
        <v>162</v>
      </c>
      <c r="C27" s="73"/>
      <c r="D27" s="67" t="s">
        <v>33</v>
      </c>
      <c r="E27" s="73" t="s">
        <v>45</v>
      </c>
      <c r="F27" s="73" t="s">
        <v>185</v>
      </c>
      <c r="G27" s="78" t="s">
        <v>158</v>
      </c>
    </row>
    <row r="28" spans="1:14" ht="74.25" customHeight="1" x14ac:dyDescent="0.2">
      <c r="A28" s="83" t="s">
        <v>25</v>
      </c>
      <c r="B28" s="78"/>
      <c r="C28" s="73" t="s">
        <v>380</v>
      </c>
      <c r="D28" s="67" t="s">
        <v>277</v>
      </c>
      <c r="E28" s="73" t="s">
        <v>278</v>
      </c>
      <c r="F28" s="73" t="s">
        <v>279</v>
      </c>
      <c r="G28" s="78" t="s">
        <v>154</v>
      </c>
      <c r="H28" s="59" t="s">
        <v>356</v>
      </c>
    </row>
    <row r="29" spans="1:14" s="80" customFormat="1" ht="172.9" customHeight="1" x14ac:dyDescent="0.2">
      <c r="A29" s="83" t="s">
        <v>25</v>
      </c>
      <c r="B29" s="78" t="s">
        <v>156</v>
      </c>
      <c r="C29" s="73" t="s">
        <v>124</v>
      </c>
      <c r="D29" s="67" t="s">
        <v>34</v>
      </c>
      <c r="E29" s="73" t="s">
        <v>46</v>
      </c>
      <c r="F29" s="73" t="s">
        <v>186</v>
      </c>
      <c r="G29" s="78" t="s">
        <v>158</v>
      </c>
    </row>
    <row r="30" spans="1:14" ht="56.25" customHeight="1" x14ac:dyDescent="0.2">
      <c r="A30" s="83" t="s">
        <v>25</v>
      </c>
      <c r="B30" s="78"/>
      <c r="C30" s="73"/>
      <c r="D30" s="67" t="s">
        <v>301</v>
      </c>
      <c r="E30" s="73" t="s">
        <v>304</v>
      </c>
      <c r="F30" s="73" t="s">
        <v>305</v>
      </c>
      <c r="G30" s="78" t="s">
        <v>167</v>
      </c>
      <c r="H30" s="59" t="s">
        <v>325</v>
      </c>
    </row>
    <row r="31" spans="1:14" s="80" customFormat="1" ht="103.15" customHeight="1" x14ac:dyDescent="0.2">
      <c r="A31" s="83" t="s">
        <v>25</v>
      </c>
      <c r="B31" s="78" t="s">
        <v>162</v>
      </c>
      <c r="C31" s="73"/>
      <c r="D31" s="67" t="s">
        <v>35</v>
      </c>
      <c r="E31" s="73" t="s">
        <v>47</v>
      </c>
      <c r="F31" s="73" t="s">
        <v>188</v>
      </c>
      <c r="G31" s="78" t="s">
        <v>158</v>
      </c>
    </row>
    <row r="32" spans="1:14" s="80" customFormat="1" ht="77.25" customHeight="1" x14ac:dyDescent="0.2">
      <c r="A32" s="83" t="s">
        <v>25</v>
      </c>
      <c r="B32" s="78" t="s">
        <v>157</v>
      </c>
      <c r="C32" s="73"/>
      <c r="D32" s="67" t="s">
        <v>36</v>
      </c>
      <c r="E32" s="73" t="s">
        <v>48</v>
      </c>
      <c r="F32" s="73" t="s">
        <v>187</v>
      </c>
      <c r="G32" s="78" t="s">
        <v>158</v>
      </c>
    </row>
    <row r="33" spans="1:8" s="80" customFormat="1" ht="73.5" customHeight="1" x14ac:dyDescent="0.2">
      <c r="A33" s="83" t="s">
        <v>25</v>
      </c>
      <c r="B33" s="78" t="s">
        <v>124</v>
      </c>
      <c r="C33" s="73"/>
      <c r="D33" s="67" t="s">
        <v>37</v>
      </c>
      <c r="E33" s="73" t="s">
        <v>49</v>
      </c>
      <c r="F33" s="73" t="s">
        <v>189</v>
      </c>
      <c r="G33" s="78" t="s">
        <v>167</v>
      </c>
    </row>
    <row r="34" spans="1:8" ht="83.25" customHeight="1" x14ac:dyDescent="0.2">
      <c r="A34" s="83" t="s">
        <v>25</v>
      </c>
      <c r="B34" s="78"/>
      <c r="C34" s="73"/>
      <c r="D34" s="67" t="s">
        <v>268</v>
      </c>
      <c r="E34" s="73" t="s">
        <v>269</v>
      </c>
      <c r="F34" s="73" t="s">
        <v>270</v>
      </c>
      <c r="G34" s="78" t="s">
        <v>167</v>
      </c>
      <c r="H34" s="59" t="s">
        <v>358</v>
      </c>
    </row>
    <row r="35" spans="1:8" s="80" customFormat="1" ht="37.5" customHeight="1" x14ac:dyDescent="0.2">
      <c r="A35" s="83" t="s">
        <v>25</v>
      </c>
      <c r="B35" s="78"/>
      <c r="C35" s="73" t="s">
        <v>124</v>
      </c>
      <c r="D35" s="67" t="s">
        <v>18</v>
      </c>
      <c r="E35" s="73" t="s">
        <v>24</v>
      </c>
      <c r="F35" s="73" t="s">
        <v>148</v>
      </c>
      <c r="G35" s="78" t="s">
        <v>167</v>
      </c>
    </row>
    <row r="36" spans="1:8" s="80" customFormat="1" ht="288.75" customHeight="1" x14ac:dyDescent="0.2">
      <c r="A36" s="83" t="s">
        <v>25</v>
      </c>
      <c r="B36" s="78" t="s">
        <v>213</v>
      </c>
      <c r="C36" s="164" t="s">
        <v>417</v>
      </c>
      <c r="D36" s="67" t="s">
        <v>19</v>
      </c>
      <c r="E36" s="73" t="s">
        <v>283</v>
      </c>
      <c r="F36" s="73" t="s">
        <v>354</v>
      </c>
      <c r="G36" s="78" t="s">
        <v>158</v>
      </c>
      <c r="H36" s="137" t="s">
        <v>395</v>
      </c>
    </row>
    <row r="37" spans="1:8" s="80" customFormat="1" ht="135.4" customHeight="1" x14ac:dyDescent="0.2">
      <c r="A37" s="83" t="s">
        <v>25</v>
      </c>
      <c r="B37" s="78" t="s">
        <v>213</v>
      </c>
      <c r="C37" s="164" t="s">
        <v>223</v>
      </c>
      <c r="D37" s="67" t="s">
        <v>19</v>
      </c>
      <c r="E37" s="73" t="s">
        <v>283</v>
      </c>
      <c r="F37" s="73" t="s">
        <v>354</v>
      </c>
      <c r="G37" s="78" t="s">
        <v>158</v>
      </c>
      <c r="H37" s="137" t="s">
        <v>352</v>
      </c>
    </row>
    <row r="38" spans="1:8" ht="153.4" customHeight="1" x14ac:dyDescent="0.2">
      <c r="A38" s="83" t="s">
        <v>25</v>
      </c>
      <c r="B38" s="78"/>
      <c r="C38" s="73"/>
      <c r="D38" s="67" t="s">
        <v>19</v>
      </c>
      <c r="E38" s="73" t="s">
        <v>284</v>
      </c>
      <c r="F38" s="73" t="s">
        <v>420</v>
      </c>
      <c r="G38" s="78" t="s">
        <v>167</v>
      </c>
      <c r="H38" s="137" t="s">
        <v>353</v>
      </c>
    </row>
    <row r="39" spans="1:8" s="80" customFormat="1" ht="94.5" customHeight="1" x14ac:dyDescent="0.2">
      <c r="A39" s="83" t="s">
        <v>25</v>
      </c>
      <c r="B39" s="78" t="s">
        <v>157</v>
      </c>
      <c r="C39" s="73"/>
      <c r="D39" s="67" t="s">
        <v>38</v>
      </c>
      <c r="E39" s="73" t="s">
        <v>50</v>
      </c>
      <c r="F39" s="73" t="s">
        <v>190</v>
      </c>
      <c r="G39" s="78" t="s">
        <v>158</v>
      </c>
    </row>
    <row r="40" spans="1:8" s="80" customFormat="1" ht="77.650000000000006" customHeight="1" x14ac:dyDescent="0.2">
      <c r="A40" s="78" t="s">
        <v>164</v>
      </c>
      <c r="B40" s="78" t="s">
        <v>157</v>
      </c>
      <c r="C40" s="85"/>
      <c r="D40" s="67" t="s">
        <v>57</v>
      </c>
      <c r="E40" s="67" t="s">
        <v>127</v>
      </c>
      <c r="F40" s="73" t="s">
        <v>423</v>
      </c>
      <c r="G40" s="83" t="s">
        <v>158</v>
      </c>
    </row>
    <row r="41" spans="1:8" ht="57.75" customHeight="1" x14ac:dyDescent="0.2">
      <c r="A41" s="83" t="s">
        <v>25</v>
      </c>
      <c r="B41" s="78" t="s">
        <v>157</v>
      </c>
      <c r="C41" s="73" t="s">
        <v>379</v>
      </c>
      <c r="D41" s="67" t="s">
        <v>265</v>
      </c>
      <c r="E41" s="73" t="s">
        <v>266</v>
      </c>
      <c r="F41" s="73" t="s">
        <v>267</v>
      </c>
      <c r="G41" s="78" t="s">
        <v>154</v>
      </c>
      <c r="H41" s="59" t="s">
        <v>326</v>
      </c>
    </row>
    <row r="42" spans="1:8" s="80" customFormat="1" ht="73.5" customHeight="1" x14ac:dyDescent="0.2">
      <c r="A42" s="78" t="s">
        <v>164</v>
      </c>
      <c r="B42" s="85"/>
      <c r="C42" s="85"/>
      <c r="D42" s="67" t="s">
        <v>51</v>
      </c>
      <c r="E42" s="67" t="s">
        <v>58</v>
      </c>
      <c r="F42" s="73" t="s">
        <v>424</v>
      </c>
      <c r="G42" s="83" t="s">
        <v>167</v>
      </c>
    </row>
    <row r="43" spans="1:8" s="80" customFormat="1" ht="89.65" customHeight="1" x14ac:dyDescent="0.2">
      <c r="A43" s="78" t="s">
        <v>164</v>
      </c>
      <c r="B43" s="85"/>
      <c r="C43" s="85"/>
      <c r="D43" s="67" t="s">
        <v>52</v>
      </c>
      <c r="E43" s="67" t="s">
        <v>59</v>
      </c>
      <c r="F43" s="73" t="s">
        <v>425</v>
      </c>
      <c r="G43" s="83" t="s">
        <v>167</v>
      </c>
    </row>
    <row r="44" spans="1:8" s="80" customFormat="1" ht="89.25" customHeight="1" x14ac:dyDescent="0.2">
      <c r="A44" s="78" t="s">
        <v>164</v>
      </c>
      <c r="B44" s="85"/>
      <c r="C44" s="85"/>
      <c r="D44" s="67" t="s">
        <v>53</v>
      </c>
      <c r="E44" s="67" t="s">
        <v>60</v>
      </c>
      <c r="F44" s="73" t="s">
        <v>426</v>
      </c>
      <c r="G44" s="83" t="s">
        <v>167</v>
      </c>
    </row>
    <row r="45" spans="1:8" s="80" customFormat="1" ht="90" customHeight="1" x14ac:dyDescent="0.2">
      <c r="A45" s="78" t="s">
        <v>164</v>
      </c>
      <c r="B45" s="85"/>
      <c r="C45" s="85"/>
      <c r="D45" s="67" t="s">
        <v>55</v>
      </c>
      <c r="E45" s="67" t="s">
        <v>62</v>
      </c>
      <c r="F45" s="73" t="s">
        <v>427</v>
      </c>
      <c r="G45" s="83" t="s">
        <v>167</v>
      </c>
    </row>
    <row r="46" spans="1:8" s="80" customFormat="1" ht="90" customHeight="1" x14ac:dyDescent="0.2">
      <c r="A46" s="78" t="s">
        <v>164</v>
      </c>
      <c r="B46" s="85"/>
      <c r="C46" s="85"/>
      <c r="D46" s="67" t="s">
        <v>56</v>
      </c>
      <c r="E46" s="67" t="s">
        <v>63</v>
      </c>
      <c r="F46" s="73" t="s">
        <v>428</v>
      </c>
      <c r="G46" s="83" t="s">
        <v>167</v>
      </c>
    </row>
  </sheetData>
  <autoFilter ref="A2:H46" xr:uid="{00000000-0009-0000-0000-000002000000}"/>
  <mergeCells count="1">
    <mergeCell ref="B1:G1"/>
  </mergeCells>
  <phoneticPr fontId="5" type="noConversion"/>
  <pageMargins left="0.25" right="0.25" top="0.75" bottom="0.75" header="0.3" footer="0.3"/>
  <pageSetup scale="85" orientation="landscape" r:id="rId1"/>
  <headerFooter alignWithMargins="0">
    <oddHeader>&amp;L
&amp;C&amp;"Arial,Bold" Oklahoma Workers' Compensation Commission (OK WCC)
Event Table-Form to MTC Crosswalk</oddHeader>
    <oddFooter>&amp;L&amp;F&amp;C&amp;P&amp;R&amp;A</oddFooter>
  </headerFooter>
  <ignoredErrors>
    <ignoredError sqref="D3:D6 D14 D17" numberStoredAsText="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Q46"/>
  <sheetViews>
    <sheetView zoomScale="120" zoomScaleNormal="120" zoomScaleSheetLayoutView="110" workbookViewId="0">
      <pane ySplit="5" topLeftCell="A6" activePane="bottomLeft" state="frozen"/>
      <selection pane="bottomLeft" activeCell="A6" sqref="A6"/>
    </sheetView>
  </sheetViews>
  <sheetFormatPr defaultColWidth="9.140625" defaultRowHeight="12" x14ac:dyDescent="0.2"/>
  <cols>
    <col min="1" max="1" width="7" style="94" customWidth="1"/>
    <col min="2" max="2" width="7.42578125" style="95" customWidth="1"/>
    <col min="3" max="3" width="6.5703125" style="95" customWidth="1"/>
    <col min="4" max="4" width="12.42578125" style="114" customWidth="1"/>
    <col min="5" max="5" width="16.42578125" style="94" customWidth="1"/>
    <col min="6" max="6" width="9.7109375" style="95" customWidth="1"/>
    <col min="7" max="7" width="6.85546875" style="95" customWidth="1"/>
    <col min="8" max="8" width="24.5703125" style="94" customWidth="1"/>
    <col min="9" max="9" width="69.140625" style="114" customWidth="1"/>
    <col min="10" max="10" width="8.140625" style="94" customWidth="1"/>
    <col min="11" max="11" width="10.28515625" style="94" customWidth="1"/>
    <col min="12" max="12" width="11.5703125" style="94" customWidth="1"/>
    <col min="13" max="13" width="8.85546875" style="94" customWidth="1"/>
    <col min="14" max="14" width="11.42578125" style="95" customWidth="1"/>
    <col min="15" max="15" width="9.7109375" style="95" customWidth="1"/>
    <col min="16" max="16" width="13.42578125" style="95" customWidth="1"/>
    <col min="17" max="16384" width="9.140625" style="95"/>
  </cols>
  <sheetData>
    <row r="1" spans="1:16" ht="40.5" customHeight="1" x14ac:dyDescent="0.2">
      <c r="A1" s="293" t="s">
        <v>113</v>
      </c>
      <c r="B1" s="294"/>
      <c r="C1" s="294"/>
      <c r="D1" s="294"/>
      <c r="E1" s="294"/>
      <c r="F1" s="294"/>
      <c r="G1" s="294"/>
      <c r="H1" s="294"/>
      <c r="I1" s="294"/>
      <c r="J1" s="294"/>
      <c r="K1" s="294"/>
      <c r="L1" s="294"/>
      <c r="M1" s="294"/>
      <c r="N1" s="294"/>
      <c r="O1" s="294"/>
    </row>
    <row r="2" spans="1:16" s="96" customFormat="1" ht="39.4" customHeight="1" x14ac:dyDescent="0.2">
      <c r="A2" s="295" t="s">
        <v>550</v>
      </c>
      <c r="B2" s="296"/>
      <c r="C2" s="296"/>
      <c r="D2" s="296"/>
      <c r="E2" s="296"/>
      <c r="F2" s="296"/>
      <c r="G2" s="296"/>
      <c r="H2" s="296"/>
      <c r="I2" s="296"/>
      <c r="J2" s="296"/>
      <c r="K2" s="296"/>
      <c r="L2" s="296"/>
      <c r="M2" s="296"/>
      <c r="N2" s="296"/>
      <c r="O2" s="296"/>
    </row>
    <row r="3" spans="1:16" ht="101.25" customHeight="1" thickBot="1" x14ac:dyDescent="0.25">
      <c r="A3" s="297" t="s">
        <v>551</v>
      </c>
      <c r="B3" s="298"/>
      <c r="C3" s="298"/>
      <c r="D3" s="298"/>
      <c r="E3" s="298"/>
      <c r="F3" s="298"/>
      <c r="G3" s="298"/>
      <c r="H3" s="298"/>
      <c r="I3" s="298"/>
      <c r="J3" s="298"/>
      <c r="K3" s="298"/>
      <c r="L3" s="298"/>
      <c r="M3" s="298"/>
      <c r="N3" s="298"/>
      <c r="O3" s="298"/>
    </row>
    <row r="4" spans="1:16" s="99" customFormat="1" ht="21.75" customHeight="1" thickBot="1" x14ac:dyDescent="0.25">
      <c r="A4" s="97" t="s">
        <v>124</v>
      </c>
      <c r="B4" s="97" t="s">
        <v>124</v>
      </c>
      <c r="C4" s="290" t="s">
        <v>3</v>
      </c>
      <c r="D4" s="292"/>
      <c r="E4" s="300" t="s">
        <v>104</v>
      </c>
      <c r="F4" s="301"/>
      <c r="G4" s="302"/>
      <c r="H4" s="290" t="s">
        <v>98</v>
      </c>
      <c r="I4" s="292"/>
      <c r="J4" s="290" t="s">
        <v>10</v>
      </c>
      <c r="K4" s="291"/>
      <c r="L4" s="292"/>
      <c r="M4" s="115" t="s">
        <v>271</v>
      </c>
      <c r="N4" s="98" t="s">
        <v>124</v>
      </c>
      <c r="O4" s="188" t="s">
        <v>124</v>
      </c>
    </row>
    <row r="5" spans="1:16" s="107" customFormat="1" ht="25.5" customHeight="1" x14ac:dyDescent="0.2">
      <c r="A5" s="100" t="s">
        <v>134</v>
      </c>
      <c r="B5" s="100" t="s">
        <v>0</v>
      </c>
      <c r="C5" s="101" t="s">
        <v>4</v>
      </c>
      <c r="D5" s="105" t="s">
        <v>5</v>
      </c>
      <c r="E5" s="103" t="s">
        <v>99</v>
      </c>
      <c r="F5" s="104" t="s">
        <v>1</v>
      </c>
      <c r="G5" s="102" t="s">
        <v>2</v>
      </c>
      <c r="H5" s="101" t="s">
        <v>99</v>
      </c>
      <c r="I5" s="105" t="s">
        <v>6</v>
      </c>
      <c r="J5" s="101" t="s">
        <v>11</v>
      </c>
      <c r="K5" s="103" t="s">
        <v>109</v>
      </c>
      <c r="L5" s="102" t="s">
        <v>1</v>
      </c>
      <c r="M5" s="115" t="s">
        <v>124</v>
      </c>
      <c r="N5" s="106" t="s">
        <v>123</v>
      </c>
      <c r="O5" s="189" t="s">
        <v>64</v>
      </c>
    </row>
    <row r="6" spans="1:16" s="111" customFormat="1" ht="82.5" customHeight="1" x14ac:dyDescent="0.2">
      <c r="A6" s="108" t="s">
        <v>236</v>
      </c>
      <c r="B6" s="108" t="s">
        <v>7</v>
      </c>
      <c r="C6" s="108" t="s">
        <v>8</v>
      </c>
      <c r="D6" s="109" t="s">
        <v>9</v>
      </c>
      <c r="E6" s="108" t="s">
        <v>110</v>
      </c>
      <c r="F6" s="108" t="s">
        <v>330</v>
      </c>
      <c r="G6" s="108" t="s">
        <v>124</v>
      </c>
      <c r="H6" s="108" t="s">
        <v>170</v>
      </c>
      <c r="I6" s="109" t="s">
        <v>220</v>
      </c>
      <c r="J6" s="108" t="s">
        <v>221</v>
      </c>
      <c r="K6" s="108" t="s">
        <v>214</v>
      </c>
      <c r="L6" s="108" t="s">
        <v>76</v>
      </c>
      <c r="M6" s="108"/>
      <c r="N6" s="110" t="s">
        <v>174</v>
      </c>
      <c r="O6" s="110" t="s">
        <v>174</v>
      </c>
    </row>
    <row r="7" spans="1:16" s="111" customFormat="1" ht="69.400000000000006" customHeight="1" x14ac:dyDescent="0.2">
      <c r="A7" s="108" t="s">
        <v>236</v>
      </c>
      <c r="B7" s="108" t="s">
        <v>7</v>
      </c>
      <c r="C7" s="108" t="s">
        <v>8</v>
      </c>
      <c r="D7" s="109" t="s">
        <v>9</v>
      </c>
      <c r="E7" s="108" t="s">
        <v>110</v>
      </c>
      <c r="F7" s="108" t="s">
        <v>330</v>
      </c>
      <c r="G7" s="108" t="s">
        <v>124</v>
      </c>
      <c r="H7" s="108" t="s">
        <v>69</v>
      </c>
      <c r="I7" s="109" t="s">
        <v>418</v>
      </c>
      <c r="J7" s="241" t="s">
        <v>169</v>
      </c>
      <c r="K7" s="241" t="s">
        <v>203</v>
      </c>
      <c r="L7" s="108" t="s">
        <v>76</v>
      </c>
      <c r="M7" s="108"/>
      <c r="N7" s="110" t="s">
        <v>174</v>
      </c>
      <c r="O7" s="110" t="s">
        <v>174</v>
      </c>
      <c r="P7" s="236"/>
    </row>
    <row r="8" spans="1:16" s="111" customFormat="1" ht="38.25" x14ac:dyDescent="0.2">
      <c r="A8" s="108" t="s">
        <v>236</v>
      </c>
      <c r="B8" s="108" t="s">
        <v>7</v>
      </c>
      <c r="C8" s="108" t="s">
        <v>8</v>
      </c>
      <c r="D8" s="109" t="s">
        <v>9</v>
      </c>
      <c r="E8" s="108" t="s">
        <v>110</v>
      </c>
      <c r="F8" s="108" t="s">
        <v>330</v>
      </c>
      <c r="G8" s="108" t="s">
        <v>124</v>
      </c>
      <c r="H8" s="108" t="s">
        <v>168</v>
      </c>
      <c r="I8" s="109" t="s">
        <v>171</v>
      </c>
      <c r="J8" s="108" t="s">
        <v>169</v>
      </c>
      <c r="K8" s="108" t="s">
        <v>203</v>
      </c>
      <c r="L8" s="108" t="s">
        <v>76</v>
      </c>
      <c r="M8" s="108"/>
      <c r="N8" s="110" t="s">
        <v>174</v>
      </c>
      <c r="O8" s="110" t="s">
        <v>174</v>
      </c>
    </row>
    <row r="9" spans="1:16" s="111" customFormat="1" ht="102.75" customHeight="1" x14ac:dyDescent="0.2">
      <c r="A9" s="108" t="s">
        <v>236</v>
      </c>
      <c r="B9" s="67" t="s">
        <v>7</v>
      </c>
      <c r="C9" s="67" t="s">
        <v>8</v>
      </c>
      <c r="D9" s="72" t="s">
        <v>9</v>
      </c>
      <c r="E9" s="108" t="s">
        <v>110</v>
      </c>
      <c r="F9" s="108" t="s">
        <v>330</v>
      </c>
      <c r="G9" s="67"/>
      <c r="H9" s="67" t="s">
        <v>71</v>
      </c>
      <c r="I9" s="72" t="s">
        <v>556</v>
      </c>
      <c r="J9" s="108" t="s">
        <v>174</v>
      </c>
      <c r="K9" s="108" t="s">
        <v>174</v>
      </c>
      <c r="L9" s="108" t="s">
        <v>80</v>
      </c>
      <c r="M9" s="78"/>
      <c r="N9" s="67" t="s">
        <v>174</v>
      </c>
      <c r="O9" s="67" t="s">
        <v>174</v>
      </c>
    </row>
    <row r="10" spans="1:16" s="111" customFormat="1" ht="357.4" customHeight="1" x14ac:dyDescent="0.2">
      <c r="A10" s="108" t="s">
        <v>236</v>
      </c>
      <c r="B10" s="108" t="s">
        <v>7</v>
      </c>
      <c r="C10" s="108" t="s">
        <v>506</v>
      </c>
      <c r="D10" s="109" t="s">
        <v>507</v>
      </c>
      <c r="E10" s="108" t="s">
        <v>110</v>
      </c>
      <c r="F10" s="108" t="s">
        <v>330</v>
      </c>
      <c r="G10" s="108" t="s">
        <v>124</v>
      </c>
      <c r="H10" s="108" t="s">
        <v>170</v>
      </c>
      <c r="I10" s="109" t="s">
        <v>552</v>
      </c>
      <c r="J10" s="232" t="s">
        <v>160</v>
      </c>
      <c r="K10" s="232" t="s">
        <v>160</v>
      </c>
      <c r="L10" s="232" t="s">
        <v>161</v>
      </c>
      <c r="M10" s="108"/>
      <c r="N10" s="110" t="s">
        <v>174</v>
      </c>
      <c r="O10" s="110" t="s">
        <v>174</v>
      </c>
    </row>
    <row r="11" spans="1:16" s="111" customFormat="1" ht="75.400000000000006" customHeight="1" x14ac:dyDescent="0.2">
      <c r="A11" s="108" t="s">
        <v>236</v>
      </c>
      <c r="B11" s="108" t="s">
        <v>7</v>
      </c>
      <c r="C11" s="108" t="s">
        <v>12</v>
      </c>
      <c r="D11" s="109" t="s">
        <v>314</v>
      </c>
      <c r="E11" s="108" t="s">
        <v>110</v>
      </c>
      <c r="F11" s="108" t="s">
        <v>330</v>
      </c>
      <c r="G11" s="108" t="s">
        <v>124</v>
      </c>
      <c r="H11" s="108" t="s">
        <v>159</v>
      </c>
      <c r="I11" s="109" t="s">
        <v>201</v>
      </c>
      <c r="J11" s="108" t="s">
        <v>160</v>
      </c>
      <c r="K11" s="108" t="s">
        <v>160</v>
      </c>
      <c r="L11" s="108" t="s">
        <v>161</v>
      </c>
      <c r="M11" s="108"/>
      <c r="N11" s="110" t="s">
        <v>174</v>
      </c>
      <c r="O11" s="110" t="s">
        <v>174</v>
      </c>
    </row>
    <row r="12" spans="1:16" s="181" customFormat="1" ht="179.65" customHeight="1" x14ac:dyDescent="0.2">
      <c r="A12" s="108" t="s">
        <v>236</v>
      </c>
      <c r="B12" s="108" t="s">
        <v>7</v>
      </c>
      <c r="C12" s="108" t="s">
        <v>13</v>
      </c>
      <c r="D12" s="109" t="s">
        <v>20</v>
      </c>
      <c r="E12" s="108" t="s">
        <v>110</v>
      </c>
      <c r="F12" s="108" t="s">
        <v>330</v>
      </c>
      <c r="G12" s="108" t="s">
        <v>124</v>
      </c>
      <c r="H12" s="187" t="s">
        <v>453</v>
      </c>
      <c r="I12" s="239" t="s">
        <v>457</v>
      </c>
      <c r="J12" s="108" t="s">
        <v>160</v>
      </c>
      <c r="K12" s="108" t="s">
        <v>160</v>
      </c>
      <c r="L12" s="108" t="s">
        <v>161</v>
      </c>
      <c r="M12" s="108"/>
      <c r="N12" s="110" t="s">
        <v>174</v>
      </c>
      <c r="O12" s="110" t="s">
        <v>174</v>
      </c>
      <c r="P12" s="183" t="s">
        <v>124</v>
      </c>
    </row>
    <row r="13" spans="1:16" s="111" customFormat="1" ht="106.9" customHeight="1" x14ac:dyDescent="0.2">
      <c r="A13" s="108" t="s">
        <v>236</v>
      </c>
      <c r="B13" s="108" t="s">
        <v>7</v>
      </c>
      <c r="C13" s="108" t="s">
        <v>14</v>
      </c>
      <c r="D13" s="109" t="s">
        <v>21</v>
      </c>
      <c r="E13" s="108" t="s">
        <v>110</v>
      </c>
      <c r="F13" s="108" t="s">
        <v>330</v>
      </c>
      <c r="G13" s="108" t="s">
        <v>124</v>
      </c>
      <c r="H13" s="108" t="s">
        <v>310</v>
      </c>
      <c r="I13" s="109" t="s">
        <v>529</v>
      </c>
      <c r="J13" s="108" t="s">
        <v>221</v>
      </c>
      <c r="K13" s="108" t="s">
        <v>214</v>
      </c>
      <c r="L13" s="108" t="s">
        <v>81</v>
      </c>
      <c r="M13" s="108"/>
      <c r="N13" s="110" t="s">
        <v>174</v>
      </c>
      <c r="O13" s="110" t="s">
        <v>174</v>
      </c>
    </row>
    <row r="14" spans="1:16" s="111" customFormat="1" ht="79.5" customHeight="1" x14ac:dyDescent="0.2">
      <c r="A14" s="108" t="s">
        <v>236</v>
      </c>
      <c r="B14" s="108" t="s">
        <v>7</v>
      </c>
      <c r="C14" s="108" t="s">
        <v>14</v>
      </c>
      <c r="D14" s="109" t="s">
        <v>21</v>
      </c>
      <c r="E14" s="108" t="s">
        <v>110</v>
      </c>
      <c r="F14" s="108" t="s">
        <v>330</v>
      </c>
      <c r="G14" s="108" t="s">
        <v>124</v>
      </c>
      <c r="H14" s="108" t="s">
        <v>311</v>
      </c>
      <c r="I14" s="109" t="s">
        <v>207</v>
      </c>
      <c r="J14" s="108" t="s">
        <v>202</v>
      </c>
      <c r="K14" s="108" t="s">
        <v>214</v>
      </c>
      <c r="L14" s="108" t="s">
        <v>76</v>
      </c>
      <c r="M14" s="108"/>
      <c r="N14" s="110" t="s">
        <v>174</v>
      </c>
      <c r="O14" s="110" t="s">
        <v>174</v>
      </c>
    </row>
    <row r="15" spans="1:16" s="111" customFormat="1" ht="52.5" customHeight="1" x14ac:dyDescent="0.2">
      <c r="A15" s="108" t="s">
        <v>236</v>
      </c>
      <c r="B15" s="108" t="s">
        <v>7</v>
      </c>
      <c r="C15" s="108" t="s">
        <v>14</v>
      </c>
      <c r="D15" s="109" t="s">
        <v>21</v>
      </c>
      <c r="E15" s="108" t="s">
        <v>110</v>
      </c>
      <c r="F15" s="108" t="s">
        <v>330</v>
      </c>
      <c r="G15" s="108" t="s">
        <v>124</v>
      </c>
      <c r="H15" s="108" t="s">
        <v>310</v>
      </c>
      <c r="I15" s="109" t="s">
        <v>219</v>
      </c>
      <c r="J15" s="108" t="s">
        <v>202</v>
      </c>
      <c r="K15" s="108" t="s">
        <v>214</v>
      </c>
      <c r="L15" s="108" t="s">
        <v>76</v>
      </c>
      <c r="M15" s="108"/>
      <c r="N15" s="110" t="s">
        <v>174</v>
      </c>
      <c r="O15" s="110" t="s">
        <v>174</v>
      </c>
    </row>
    <row r="16" spans="1:16" s="111" customFormat="1" ht="58.5" customHeight="1" x14ac:dyDescent="0.2">
      <c r="A16" s="108" t="s">
        <v>236</v>
      </c>
      <c r="B16" s="108" t="s">
        <v>7</v>
      </c>
      <c r="C16" s="108" t="s">
        <v>14</v>
      </c>
      <c r="D16" s="109" t="s">
        <v>21</v>
      </c>
      <c r="E16" s="108" t="s">
        <v>110</v>
      </c>
      <c r="F16" s="108" t="s">
        <v>330</v>
      </c>
      <c r="G16" s="108" t="s">
        <v>124</v>
      </c>
      <c r="H16" s="108" t="s">
        <v>310</v>
      </c>
      <c r="I16" s="112" t="s">
        <v>222</v>
      </c>
      <c r="J16" s="108" t="s">
        <v>202</v>
      </c>
      <c r="K16" s="108" t="s">
        <v>214</v>
      </c>
      <c r="L16" s="108" t="s">
        <v>76</v>
      </c>
      <c r="M16" s="108"/>
      <c r="N16" s="110" t="s">
        <v>174</v>
      </c>
      <c r="O16" s="110" t="s">
        <v>174</v>
      </c>
    </row>
    <row r="17" spans="1:17" s="111" customFormat="1" ht="82.9" customHeight="1" x14ac:dyDescent="0.2">
      <c r="A17" s="108" t="s">
        <v>236</v>
      </c>
      <c r="B17" s="108" t="s">
        <v>7</v>
      </c>
      <c r="C17" s="108" t="s">
        <v>14</v>
      </c>
      <c r="D17" s="109" t="s">
        <v>21</v>
      </c>
      <c r="E17" s="108" t="s">
        <v>110</v>
      </c>
      <c r="F17" s="108" t="s">
        <v>330</v>
      </c>
      <c r="G17" s="108" t="s">
        <v>124</v>
      </c>
      <c r="H17" s="108" t="s">
        <v>310</v>
      </c>
      <c r="I17" s="112" t="s">
        <v>419</v>
      </c>
      <c r="J17" s="108" t="s">
        <v>202</v>
      </c>
      <c r="K17" s="108" t="s">
        <v>214</v>
      </c>
      <c r="L17" s="108" t="s">
        <v>76</v>
      </c>
      <c r="M17" s="108"/>
      <c r="N17" s="110" t="s">
        <v>174</v>
      </c>
      <c r="O17" s="110" t="s">
        <v>174</v>
      </c>
    </row>
    <row r="18" spans="1:17" s="111" customFormat="1" ht="76.5" x14ac:dyDescent="0.2">
      <c r="A18" s="108" t="s">
        <v>236</v>
      </c>
      <c r="B18" s="108" t="s">
        <v>7</v>
      </c>
      <c r="C18" s="108" t="s">
        <v>15</v>
      </c>
      <c r="D18" s="109" t="s">
        <v>22</v>
      </c>
      <c r="E18" s="108" t="s">
        <v>110</v>
      </c>
      <c r="F18" s="108" t="s">
        <v>330</v>
      </c>
      <c r="G18" s="108" t="s">
        <v>124</v>
      </c>
      <c r="H18" s="108" t="s">
        <v>159</v>
      </c>
      <c r="I18" s="109" t="s">
        <v>211</v>
      </c>
      <c r="J18" s="108" t="s">
        <v>169</v>
      </c>
      <c r="K18" s="108" t="s">
        <v>203</v>
      </c>
      <c r="L18" s="108" t="s">
        <v>172</v>
      </c>
      <c r="M18" s="108"/>
      <c r="N18" s="110" t="s">
        <v>174</v>
      </c>
      <c r="O18" s="110" t="s">
        <v>174</v>
      </c>
    </row>
    <row r="19" spans="1:17" s="81" customFormat="1" ht="38.25" x14ac:dyDescent="0.2">
      <c r="A19" s="108" t="s">
        <v>236</v>
      </c>
      <c r="B19" s="108" t="s">
        <v>7</v>
      </c>
      <c r="C19" s="108" t="s">
        <v>16</v>
      </c>
      <c r="D19" s="109" t="s">
        <v>100</v>
      </c>
      <c r="E19" s="108" t="s">
        <v>110</v>
      </c>
      <c r="F19" s="108" t="s">
        <v>330</v>
      </c>
      <c r="G19" s="108" t="s">
        <v>124</v>
      </c>
      <c r="H19" s="108" t="s">
        <v>159</v>
      </c>
      <c r="I19" s="109" t="s">
        <v>429</v>
      </c>
      <c r="J19" s="108" t="s">
        <v>160</v>
      </c>
      <c r="K19" s="108" t="s">
        <v>160</v>
      </c>
      <c r="L19" s="108" t="s">
        <v>161</v>
      </c>
      <c r="M19" s="108"/>
      <c r="N19" s="110" t="s">
        <v>174</v>
      </c>
      <c r="O19" s="110" t="s">
        <v>174</v>
      </c>
    </row>
    <row r="20" spans="1:17" s="111" customFormat="1" ht="38.25" x14ac:dyDescent="0.2">
      <c r="A20" s="108" t="s">
        <v>236</v>
      </c>
      <c r="B20" s="108" t="s">
        <v>7</v>
      </c>
      <c r="C20" s="108" t="s">
        <v>16</v>
      </c>
      <c r="D20" s="109" t="s">
        <v>100</v>
      </c>
      <c r="E20" s="108" t="s">
        <v>110</v>
      </c>
      <c r="F20" s="108" t="s">
        <v>330</v>
      </c>
      <c r="G20" s="108" t="s">
        <v>124</v>
      </c>
      <c r="H20" s="108" t="s">
        <v>159</v>
      </c>
      <c r="I20" s="240" t="s">
        <v>393</v>
      </c>
      <c r="J20" s="108" t="s">
        <v>160</v>
      </c>
      <c r="K20" s="108" t="s">
        <v>160</v>
      </c>
      <c r="L20" s="108" t="s">
        <v>161</v>
      </c>
      <c r="M20" s="108"/>
      <c r="N20" s="110" t="s">
        <v>174</v>
      </c>
      <c r="O20" s="110" t="s">
        <v>174</v>
      </c>
    </row>
    <row r="21" spans="1:17" s="111" customFormat="1" ht="81" customHeight="1" x14ac:dyDescent="0.2">
      <c r="A21" s="108" t="s">
        <v>236</v>
      </c>
      <c r="B21" s="108" t="s">
        <v>7</v>
      </c>
      <c r="C21" s="108" t="s">
        <v>17</v>
      </c>
      <c r="D21" s="109" t="s">
        <v>23</v>
      </c>
      <c r="E21" s="108" t="s">
        <v>110</v>
      </c>
      <c r="F21" s="108" t="s">
        <v>330</v>
      </c>
      <c r="G21" s="108" t="s">
        <v>124</v>
      </c>
      <c r="H21" s="187" t="s">
        <v>309</v>
      </c>
      <c r="I21" s="109" t="s">
        <v>200</v>
      </c>
      <c r="J21" s="108" t="s">
        <v>160</v>
      </c>
      <c r="K21" s="108" t="s">
        <v>160</v>
      </c>
      <c r="L21" s="108" t="s">
        <v>161</v>
      </c>
      <c r="M21" s="108"/>
      <c r="N21" s="110" t="s">
        <v>174</v>
      </c>
      <c r="O21" s="110" t="s">
        <v>174</v>
      </c>
    </row>
    <row r="22" spans="1:17" s="111" customFormat="1" ht="57" customHeight="1" x14ac:dyDescent="0.2">
      <c r="A22" s="108" t="s">
        <v>236</v>
      </c>
      <c r="B22" s="108" t="s">
        <v>7</v>
      </c>
      <c r="C22" s="108" t="s">
        <v>18</v>
      </c>
      <c r="D22" s="109" t="s">
        <v>24</v>
      </c>
      <c r="E22" s="108" t="s">
        <v>110</v>
      </c>
      <c r="F22" s="108" t="s">
        <v>330</v>
      </c>
      <c r="G22" s="108" t="s">
        <v>124</v>
      </c>
      <c r="H22" s="108" t="s">
        <v>69</v>
      </c>
      <c r="I22" s="109" t="s">
        <v>173</v>
      </c>
      <c r="J22" s="108" t="s">
        <v>202</v>
      </c>
      <c r="K22" s="108" t="s">
        <v>214</v>
      </c>
      <c r="L22" s="108" t="s">
        <v>76</v>
      </c>
      <c r="M22" s="108"/>
      <c r="N22" s="110" t="s">
        <v>174</v>
      </c>
      <c r="O22" s="110" t="s">
        <v>174</v>
      </c>
    </row>
    <row r="23" spans="1:17" s="233" customFormat="1" ht="347.65" customHeight="1" thickBot="1" x14ac:dyDescent="0.25">
      <c r="A23" s="108" t="s">
        <v>236</v>
      </c>
      <c r="B23" s="108" t="s">
        <v>7</v>
      </c>
      <c r="C23" s="108" t="s">
        <v>19</v>
      </c>
      <c r="D23" s="265" t="s">
        <v>283</v>
      </c>
      <c r="E23" s="108" t="s">
        <v>110</v>
      </c>
      <c r="F23" s="108" t="s">
        <v>330</v>
      </c>
      <c r="G23" s="108" t="s">
        <v>124</v>
      </c>
      <c r="H23" s="241" t="s">
        <v>69</v>
      </c>
      <c r="I23" s="275" t="s">
        <v>554</v>
      </c>
      <c r="J23" s="241" t="s">
        <v>160</v>
      </c>
      <c r="K23" s="241" t="s">
        <v>160</v>
      </c>
      <c r="L23" s="108" t="s">
        <v>161</v>
      </c>
      <c r="M23" s="108"/>
      <c r="N23" s="110" t="s">
        <v>174</v>
      </c>
      <c r="O23" s="110" t="s">
        <v>174</v>
      </c>
    </row>
    <row r="24" spans="1:17" s="1" customFormat="1" ht="27.4" hidden="1" customHeight="1" thickBot="1" x14ac:dyDescent="0.25">
      <c r="A24" s="91" t="s">
        <v>303</v>
      </c>
      <c r="B24" s="130" t="s">
        <v>7</v>
      </c>
      <c r="C24" s="138" t="s">
        <v>19</v>
      </c>
      <c r="D24" s="266" t="s">
        <v>284</v>
      </c>
      <c r="E24" s="127"/>
      <c r="F24" s="127"/>
      <c r="G24" s="127"/>
      <c r="H24" s="127"/>
      <c r="I24" s="127"/>
      <c r="J24" s="127"/>
      <c r="K24" s="128"/>
      <c r="L24" s="128"/>
      <c r="M24" s="128"/>
      <c r="N24" s="127"/>
      <c r="O24" s="129"/>
      <c r="P24" s="125"/>
    </row>
    <row r="25" spans="1:17" s="2" customFormat="1" ht="12" customHeight="1" x14ac:dyDescent="0.2">
      <c r="A25" s="41" t="s">
        <v>134</v>
      </c>
      <c r="C25" s="120"/>
      <c r="E25" s="268" t="s">
        <v>106</v>
      </c>
      <c r="H25" s="268" t="s">
        <v>107</v>
      </c>
      <c r="I25" s="118" t="s">
        <v>289</v>
      </c>
      <c r="J25" s="121" t="s">
        <v>108</v>
      </c>
      <c r="N25" s="121" t="s">
        <v>84</v>
      </c>
    </row>
    <row r="26" spans="1:17" s="2" customFormat="1" ht="12" customHeight="1" x14ac:dyDescent="0.2">
      <c r="A26" s="15" t="s">
        <v>135</v>
      </c>
      <c r="C26" s="122"/>
      <c r="E26" s="269" t="s">
        <v>103</v>
      </c>
      <c r="H26" s="269" t="s">
        <v>65</v>
      </c>
      <c r="I26" s="15" t="s">
        <v>306</v>
      </c>
      <c r="J26" s="119" t="s">
        <v>93</v>
      </c>
      <c r="N26" s="119" t="s">
        <v>85</v>
      </c>
    </row>
    <row r="27" spans="1:17" s="2" customFormat="1" ht="12" customHeight="1" x14ac:dyDescent="0.2">
      <c r="B27" s="123"/>
      <c r="C27" s="122"/>
      <c r="E27" s="269" t="s">
        <v>110</v>
      </c>
      <c r="H27" s="269" t="s">
        <v>121</v>
      </c>
      <c r="I27" s="299" t="s">
        <v>290</v>
      </c>
      <c r="J27" s="15" t="s">
        <v>94</v>
      </c>
      <c r="N27" s="119" t="s">
        <v>86</v>
      </c>
    </row>
    <row r="28" spans="1:17" s="2" customFormat="1" ht="12" customHeight="1" x14ac:dyDescent="0.2">
      <c r="B28" s="123"/>
      <c r="C28" s="122"/>
      <c r="E28" s="269" t="s">
        <v>111</v>
      </c>
      <c r="H28" s="271" t="s">
        <v>291</v>
      </c>
      <c r="I28" s="299"/>
      <c r="J28" s="119" t="s">
        <v>307</v>
      </c>
      <c r="N28" s="119" t="s">
        <v>87</v>
      </c>
    </row>
    <row r="29" spans="1:17" s="2" customFormat="1" ht="12" customHeight="1" x14ac:dyDescent="0.2">
      <c r="B29" s="123"/>
      <c r="C29" s="123"/>
      <c r="D29" s="122"/>
      <c r="E29" s="270"/>
      <c r="H29" s="271" t="s">
        <v>292</v>
      </c>
      <c r="I29" s="299" t="s">
        <v>293</v>
      </c>
      <c r="N29" s="119" t="s">
        <v>101</v>
      </c>
    </row>
    <row r="30" spans="1:17" s="2" customFormat="1" ht="22.5" x14ac:dyDescent="0.2">
      <c r="B30" s="123"/>
      <c r="C30" s="123"/>
      <c r="D30" s="122"/>
      <c r="E30" s="270"/>
      <c r="H30" s="269" t="s">
        <v>66</v>
      </c>
      <c r="I30" s="299"/>
      <c r="J30" s="121" t="s">
        <v>112</v>
      </c>
      <c r="N30" s="119"/>
    </row>
    <row r="31" spans="1:17" s="2" customFormat="1" x14ac:dyDescent="0.2">
      <c r="D31" s="122"/>
      <c r="E31" s="270"/>
      <c r="H31" s="269" t="s">
        <v>67</v>
      </c>
      <c r="I31" s="299" t="s">
        <v>294</v>
      </c>
      <c r="J31" s="119" t="s">
        <v>74</v>
      </c>
      <c r="K31" s="119"/>
    </row>
    <row r="32" spans="1:17" s="2" customFormat="1" x14ac:dyDescent="0.2">
      <c r="D32" s="122"/>
      <c r="E32" s="270"/>
      <c r="H32" s="269" t="s">
        <v>68</v>
      </c>
      <c r="I32" s="299"/>
      <c r="J32" s="119" t="s">
        <v>75</v>
      </c>
      <c r="K32" s="119"/>
      <c r="P32" s="119"/>
      <c r="Q32" s="119"/>
    </row>
    <row r="33" spans="1:17" s="2" customFormat="1" x14ac:dyDescent="0.2">
      <c r="D33" s="122"/>
      <c r="E33" s="270"/>
      <c r="H33" s="269" t="s">
        <v>69</v>
      </c>
      <c r="I33" s="123"/>
      <c r="J33" s="119" t="s">
        <v>76</v>
      </c>
      <c r="K33" s="119"/>
      <c r="P33" s="119"/>
      <c r="Q33" s="119"/>
    </row>
    <row r="34" spans="1:17" s="2" customFormat="1" ht="22.5" x14ac:dyDescent="0.2">
      <c r="D34" s="122"/>
      <c r="E34" s="270"/>
      <c r="H34" s="269" t="s">
        <v>70</v>
      </c>
      <c r="I34" s="123"/>
      <c r="J34" s="119" t="s">
        <v>77</v>
      </c>
      <c r="L34" s="119"/>
      <c r="M34" s="119"/>
    </row>
    <row r="35" spans="1:17" s="2" customFormat="1" ht="12" customHeight="1" x14ac:dyDescent="0.2">
      <c r="D35" s="122"/>
      <c r="E35" s="270"/>
      <c r="H35" s="269" t="s">
        <v>71</v>
      </c>
      <c r="I35" s="123"/>
      <c r="J35" s="119" t="s">
        <v>78</v>
      </c>
    </row>
    <row r="36" spans="1:17" s="2" customFormat="1" x14ac:dyDescent="0.2">
      <c r="D36" s="122"/>
      <c r="E36" s="270"/>
      <c r="H36" s="269" t="s">
        <v>122</v>
      </c>
      <c r="I36" s="123"/>
      <c r="J36" s="119" t="s">
        <v>83</v>
      </c>
    </row>
    <row r="37" spans="1:17" s="2" customFormat="1" x14ac:dyDescent="0.2">
      <c r="D37" s="122"/>
      <c r="E37" s="270"/>
      <c r="H37" s="269" t="s">
        <v>72</v>
      </c>
      <c r="I37" s="124"/>
      <c r="J37" s="15" t="s">
        <v>79</v>
      </c>
    </row>
    <row r="38" spans="1:17" s="2" customFormat="1" x14ac:dyDescent="0.2">
      <c r="A38" s="2" t="s">
        <v>124</v>
      </c>
      <c r="E38" s="270"/>
      <c r="H38" s="269" t="s">
        <v>308</v>
      </c>
      <c r="I38" s="124"/>
      <c r="J38" s="119" t="s">
        <v>80</v>
      </c>
    </row>
    <row r="39" spans="1:17" s="2" customFormat="1" ht="33.75" x14ac:dyDescent="0.2">
      <c r="E39" s="270"/>
      <c r="H39" s="272" t="s">
        <v>309</v>
      </c>
      <c r="I39" s="1"/>
      <c r="J39" s="119" t="s">
        <v>92</v>
      </c>
    </row>
    <row r="40" spans="1:17" s="2" customFormat="1" ht="22.5" x14ac:dyDescent="0.2">
      <c r="A40" s="2" t="s">
        <v>124</v>
      </c>
      <c r="B40" s="1"/>
      <c r="E40" s="270"/>
      <c r="H40" s="273" t="s">
        <v>310</v>
      </c>
      <c r="I40" s="1"/>
      <c r="J40" s="119" t="s">
        <v>81</v>
      </c>
      <c r="N40" s="1"/>
      <c r="O40" s="1"/>
    </row>
    <row r="41" spans="1:17" s="1" customFormat="1" ht="33.75" x14ac:dyDescent="0.2">
      <c r="D41" s="267"/>
      <c r="G41" s="2"/>
      <c r="H41" s="272" t="s">
        <v>311</v>
      </c>
      <c r="J41" s="119" t="s">
        <v>91</v>
      </c>
      <c r="K41" s="2"/>
      <c r="L41" s="2"/>
      <c r="M41" s="2"/>
    </row>
    <row r="42" spans="1:17" s="1" customFormat="1" ht="22.5" x14ac:dyDescent="0.2">
      <c r="D42" s="267"/>
      <c r="H42" s="272" t="s">
        <v>300</v>
      </c>
      <c r="J42" s="2"/>
      <c r="K42" s="2"/>
      <c r="L42" s="2"/>
      <c r="M42" s="2"/>
    </row>
    <row r="43" spans="1:17" x14ac:dyDescent="0.2">
      <c r="J43" s="113"/>
    </row>
    <row r="44" spans="1:17" x14ac:dyDescent="0.2">
      <c r="J44" s="113"/>
    </row>
    <row r="46" spans="1:17" x14ac:dyDescent="0.2">
      <c r="I46" s="94"/>
    </row>
  </sheetData>
  <autoFilter ref="A5:O42" xr:uid="{00000000-0009-0000-0000-000003000000}"/>
  <sortState ref="A6:O23">
    <sortCondition ref="C6:C23"/>
  </sortState>
  <dataConsolidate link="1"/>
  <mergeCells count="10">
    <mergeCell ref="I29:I30"/>
    <mergeCell ref="I31:I32"/>
    <mergeCell ref="C4:D4"/>
    <mergeCell ref="E4:G4"/>
    <mergeCell ref="H4:I4"/>
    <mergeCell ref="J4:L4"/>
    <mergeCell ref="A1:O1"/>
    <mergeCell ref="A2:O2"/>
    <mergeCell ref="A3:O3"/>
    <mergeCell ref="I27:I28"/>
  </mergeCells>
  <pageMargins left="0.25" right="0.25" top="0.75" bottom="0.75" header="0.3" footer="0.3"/>
  <pageSetup scale="60" fitToHeight="0" orientation="landscape" r:id="rId1"/>
  <headerFooter alignWithMargins="0">
    <oddHeader>&amp;C&amp;"Arial,Bold"&amp;12 Oklahoma Workers' Compensation Commission (OK WCC)
First Report of Injury Event Table</oddHeader>
    <oddFooter>&amp;L&amp;F&amp;C&amp;P&amp;R&amp;A</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P56"/>
  <sheetViews>
    <sheetView zoomScale="110" zoomScaleNormal="110" workbookViewId="0">
      <pane ySplit="4" topLeftCell="A5" activePane="bottomLeft" state="frozen"/>
      <selection pane="bottomLeft" activeCell="A5" sqref="A5"/>
    </sheetView>
  </sheetViews>
  <sheetFormatPr defaultColWidth="9.140625" defaultRowHeight="12.75" x14ac:dyDescent="0.2"/>
  <cols>
    <col min="1" max="1" width="7.42578125" style="59" customWidth="1"/>
    <col min="2" max="2" width="6.85546875" style="59" customWidth="1"/>
    <col min="3" max="3" width="4.7109375" style="59" customWidth="1"/>
    <col min="4" max="4" width="16" style="59" customWidth="1"/>
    <col min="5" max="5" width="8.42578125" style="59" customWidth="1"/>
    <col min="6" max="6" width="11.140625" style="181" customWidth="1"/>
    <col min="7" max="7" width="9.7109375" style="181" customWidth="1"/>
    <col min="8" max="8" width="25.7109375" style="86" customWidth="1"/>
    <col min="9" max="9" width="56.85546875" style="199" customWidth="1"/>
    <col min="10" max="10" width="6.5703125" style="86" customWidth="1"/>
    <col min="11" max="11" width="8.28515625" style="86" customWidth="1"/>
    <col min="12" max="13" width="11.42578125" style="86" customWidth="1"/>
    <col min="14" max="14" width="9.28515625" style="182" customWidth="1"/>
    <col min="15" max="15" width="9.42578125" style="86" customWidth="1"/>
    <col min="16" max="16" width="37.7109375" style="59" customWidth="1"/>
    <col min="17" max="16384" width="9.140625" style="59"/>
  </cols>
  <sheetData>
    <row r="1" spans="1:15" s="169" customFormat="1" ht="26.25" customHeight="1" x14ac:dyDescent="0.2">
      <c r="A1" s="304" t="s">
        <v>114</v>
      </c>
      <c r="B1" s="296"/>
      <c r="C1" s="296"/>
      <c r="D1" s="296"/>
      <c r="E1" s="296"/>
      <c r="F1" s="296"/>
      <c r="G1" s="296"/>
      <c r="H1" s="296"/>
      <c r="I1" s="296"/>
      <c r="J1" s="296"/>
      <c r="K1" s="296"/>
      <c r="L1" s="296"/>
      <c r="M1" s="296"/>
      <c r="N1" s="296"/>
      <c r="O1" s="296"/>
    </row>
    <row r="2" spans="1:15" ht="50.65" customHeight="1" thickBot="1" x14ac:dyDescent="0.25">
      <c r="A2" s="312" t="s">
        <v>548</v>
      </c>
      <c r="B2" s="313"/>
      <c r="C2" s="313"/>
      <c r="D2" s="313"/>
      <c r="E2" s="313"/>
      <c r="F2" s="313"/>
      <c r="G2" s="313"/>
      <c r="H2" s="313"/>
      <c r="I2" s="313"/>
      <c r="J2" s="313"/>
      <c r="K2" s="313"/>
      <c r="L2" s="313"/>
      <c r="M2" s="313"/>
      <c r="N2" s="313"/>
      <c r="O2" s="313"/>
    </row>
    <row r="3" spans="1:15" ht="12.75" customHeight="1" thickBot="1" x14ac:dyDescent="0.25">
      <c r="A3" s="170" t="s">
        <v>124</v>
      </c>
      <c r="B3" s="170" t="s">
        <v>124</v>
      </c>
      <c r="C3" s="306" t="s">
        <v>3</v>
      </c>
      <c r="D3" s="307"/>
      <c r="E3" s="306" t="s">
        <v>105</v>
      </c>
      <c r="F3" s="308"/>
      <c r="G3" s="309"/>
      <c r="H3" s="306" t="s">
        <v>98</v>
      </c>
      <c r="I3" s="307"/>
      <c r="J3" s="306" t="s">
        <v>10</v>
      </c>
      <c r="K3" s="310"/>
      <c r="L3" s="307"/>
      <c r="M3" s="200" t="s">
        <v>271</v>
      </c>
      <c r="N3" s="171" t="s">
        <v>124</v>
      </c>
      <c r="O3" s="172" t="s">
        <v>124</v>
      </c>
    </row>
    <row r="4" spans="1:15" ht="26.25" thickBot="1" x14ac:dyDescent="0.25">
      <c r="A4" s="173" t="s">
        <v>134</v>
      </c>
      <c r="B4" s="173" t="s">
        <v>0</v>
      </c>
      <c r="C4" s="174" t="s">
        <v>4</v>
      </c>
      <c r="D4" s="175" t="s">
        <v>5</v>
      </c>
      <c r="E4" s="176" t="s">
        <v>99</v>
      </c>
      <c r="F4" s="177" t="s">
        <v>1</v>
      </c>
      <c r="G4" s="175" t="s">
        <v>2</v>
      </c>
      <c r="H4" s="174" t="s">
        <v>99</v>
      </c>
      <c r="I4" s="175" t="s">
        <v>6</v>
      </c>
      <c r="J4" s="174" t="s">
        <v>11</v>
      </c>
      <c r="K4" s="176" t="s">
        <v>109</v>
      </c>
      <c r="L4" s="175" t="s">
        <v>1</v>
      </c>
      <c r="M4" s="200" t="s">
        <v>124</v>
      </c>
      <c r="N4" s="173" t="s">
        <v>123</v>
      </c>
      <c r="O4" s="178" t="s">
        <v>64</v>
      </c>
    </row>
    <row r="5" spans="1:15" ht="152.25" customHeight="1" x14ac:dyDescent="0.2">
      <c r="A5" s="63" t="s">
        <v>236</v>
      </c>
      <c r="B5" s="64" t="s">
        <v>25</v>
      </c>
      <c r="C5" s="65" t="s">
        <v>13</v>
      </c>
      <c r="D5" s="65" t="s">
        <v>20</v>
      </c>
      <c r="E5" s="66" t="s">
        <v>110</v>
      </c>
      <c r="F5" s="108" t="s">
        <v>330</v>
      </c>
      <c r="G5" s="67" t="s">
        <v>124</v>
      </c>
      <c r="H5" s="187" t="s">
        <v>456</v>
      </c>
      <c r="I5" s="184" t="s">
        <v>549</v>
      </c>
      <c r="J5" s="66" t="s">
        <v>174</v>
      </c>
      <c r="K5" s="68" t="s">
        <v>174</v>
      </c>
      <c r="L5" s="68" t="s">
        <v>161</v>
      </c>
      <c r="M5" s="68"/>
      <c r="N5" s="69" t="s">
        <v>174</v>
      </c>
      <c r="O5" s="78" t="s">
        <v>174</v>
      </c>
    </row>
    <row r="6" spans="1:15" ht="38.25" x14ac:dyDescent="0.2">
      <c r="A6" s="63" t="s">
        <v>236</v>
      </c>
      <c r="B6" s="64" t="s">
        <v>25</v>
      </c>
      <c r="C6" s="71" t="s">
        <v>14</v>
      </c>
      <c r="D6" s="71" t="s">
        <v>21</v>
      </c>
      <c r="E6" s="66" t="s">
        <v>110</v>
      </c>
      <c r="F6" s="108" t="s">
        <v>330</v>
      </c>
      <c r="G6" s="67" t="s">
        <v>124</v>
      </c>
      <c r="H6" s="66" t="s">
        <v>300</v>
      </c>
      <c r="I6" s="72" t="s">
        <v>175</v>
      </c>
      <c r="J6" s="66" t="s">
        <v>174</v>
      </c>
      <c r="K6" s="68" t="s">
        <v>174</v>
      </c>
      <c r="L6" s="68" t="s">
        <v>161</v>
      </c>
      <c r="M6" s="68"/>
      <c r="N6" s="69" t="s">
        <v>174</v>
      </c>
      <c r="O6" s="78" t="s">
        <v>174</v>
      </c>
    </row>
    <row r="7" spans="1:15" ht="38.25" x14ac:dyDescent="0.2">
      <c r="A7" s="63" t="s">
        <v>236</v>
      </c>
      <c r="B7" s="64" t="s">
        <v>25</v>
      </c>
      <c r="C7" s="71" t="s">
        <v>14</v>
      </c>
      <c r="D7" s="71" t="s">
        <v>21</v>
      </c>
      <c r="E7" s="66" t="s">
        <v>110</v>
      </c>
      <c r="F7" s="108" t="s">
        <v>330</v>
      </c>
      <c r="G7" s="67" t="s">
        <v>124</v>
      </c>
      <c r="H7" s="66" t="s">
        <v>300</v>
      </c>
      <c r="I7" s="72" t="s">
        <v>176</v>
      </c>
      <c r="J7" s="66" t="s">
        <v>174</v>
      </c>
      <c r="K7" s="68" t="s">
        <v>174</v>
      </c>
      <c r="L7" s="68" t="s">
        <v>161</v>
      </c>
      <c r="M7" s="68"/>
      <c r="N7" s="69" t="s">
        <v>174</v>
      </c>
      <c r="O7" s="78" t="s">
        <v>174</v>
      </c>
    </row>
    <row r="8" spans="1:15" ht="51" hidden="1" x14ac:dyDescent="0.2">
      <c r="A8" s="91" t="s">
        <v>303</v>
      </c>
      <c r="B8" s="92" t="s">
        <v>25</v>
      </c>
      <c r="C8" s="67" t="s">
        <v>26</v>
      </c>
      <c r="D8" s="67" t="s">
        <v>39</v>
      </c>
      <c r="E8" s="66" t="s">
        <v>110</v>
      </c>
      <c r="F8" s="108" t="s">
        <v>330</v>
      </c>
      <c r="G8" s="67" t="s">
        <v>124</v>
      </c>
      <c r="H8" s="66" t="s">
        <v>159</v>
      </c>
      <c r="I8" s="72" t="s">
        <v>195</v>
      </c>
      <c r="J8" s="66" t="s">
        <v>202</v>
      </c>
      <c r="K8" s="66" t="s">
        <v>204</v>
      </c>
      <c r="L8" s="69" t="s">
        <v>81</v>
      </c>
      <c r="M8" s="69"/>
      <c r="N8" s="69" t="s">
        <v>174</v>
      </c>
      <c r="O8" s="78" t="s">
        <v>174</v>
      </c>
    </row>
    <row r="9" spans="1:15" ht="51" hidden="1" x14ac:dyDescent="0.2">
      <c r="A9" s="91" t="s">
        <v>303</v>
      </c>
      <c r="B9" s="92" t="s">
        <v>25</v>
      </c>
      <c r="C9" s="67" t="s">
        <v>285</v>
      </c>
      <c r="D9" s="67" t="s">
        <v>286</v>
      </c>
      <c r="E9" s="67"/>
      <c r="F9" s="108" t="s">
        <v>330</v>
      </c>
      <c r="G9" s="67"/>
      <c r="H9" s="67" t="s">
        <v>287</v>
      </c>
      <c r="I9" s="72" t="s">
        <v>124</v>
      </c>
      <c r="J9" s="67"/>
      <c r="K9" s="77"/>
      <c r="L9" s="77"/>
      <c r="M9" s="77"/>
      <c r="N9" s="73"/>
      <c r="O9" s="201"/>
    </row>
    <row r="10" spans="1:15" ht="53.25" customHeight="1" x14ac:dyDescent="0.2">
      <c r="A10" s="63" t="s">
        <v>236</v>
      </c>
      <c r="B10" s="64" t="s">
        <v>25</v>
      </c>
      <c r="C10" s="71" t="s">
        <v>27</v>
      </c>
      <c r="D10" s="71" t="s">
        <v>40</v>
      </c>
      <c r="E10" s="66" t="s">
        <v>110</v>
      </c>
      <c r="F10" s="108" t="s">
        <v>330</v>
      </c>
      <c r="G10" s="67" t="s">
        <v>124</v>
      </c>
      <c r="H10" s="66" t="s">
        <v>159</v>
      </c>
      <c r="I10" s="73" t="s">
        <v>217</v>
      </c>
      <c r="J10" s="66" t="s">
        <v>202</v>
      </c>
      <c r="K10" s="66" t="s">
        <v>204</v>
      </c>
      <c r="L10" s="69" t="s">
        <v>81</v>
      </c>
      <c r="M10" s="69"/>
      <c r="N10" s="69" t="s">
        <v>174</v>
      </c>
      <c r="O10" s="78" t="s">
        <v>174</v>
      </c>
    </row>
    <row r="11" spans="1:15" ht="90.75" customHeight="1" x14ac:dyDescent="0.2">
      <c r="A11" s="63" t="s">
        <v>236</v>
      </c>
      <c r="B11" s="185" t="s">
        <v>25</v>
      </c>
      <c r="C11" s="67" t="s">
        <v>28</v>
      </c>
      <c r="D11" s="67" t="s">
        <v>41</v>
      </c>
      <c r="E11" s="66" t="s">
        <v>110</v>
      </c>
      <c r="F11" s="108" t="s">
        <v>330</v>
      </c>
      <c r="G11" s="67" t="s">
        <v>124</v>
      </c>
      <c r="H11" s="66" t="s">
        <v>159</v>
      </c>
      <c r="I11" s="73" t="s">
        <v>218</v>
      </c>
      <c r="J11" s="66" t="s">
        <v>202</v>
      </c>
      <c r="K11" s="66" t="s">
        <v>204</v>
      </c>
      <c r="L11" s="69" t="s">
        <v>81</v>
      </c>
      <c r="M11" s="69"/>
      <c r="N11" s="69" t="s">
        <v>174</v>
      </c>
      <c r="O11" s="78" t="s">
        <v>174</v>
      </c>
    </row>
    <row r="12" spans="1:15" ht="59.25" customHeight="1" x14ac:dyDescent="0.2">
      <c r="A12" s="63" t="s">
        <v>236</v>
      </c>
      <c r="B12" s="64" t="s">
        <v>25</v>
      </c>
      <c r="C12" s="71" t="s">
        <v>29</v>
      </c>
      <c r="D12" s="71" t="s">
        <v>42</v>
      </c>
      <c r="E12" s="66" t="s">
        <v>110</v>
      </c>
      <c r="F12" s="108" t="s">
        <v>330</v>
      </c>
      <c r="G12" s="67" t="s">
        <v>124</v>
      </c>
      <c r="H12" s="66" t="s">
        <v>159</v>
      </c>
      <c r="I12" s="73" t="s">
        <v>483</v>
      </c>
      <c r="J12" s="66" t="s">
        <v>202</v>
      </c>
      <c r="K12" s="66" t="s">
        <v>204</v>
      </c>
      <c r="L12" s="69" t="s">
        <v>81</v>
      </c>
      <c r="M12" s="69"/>
      <c r="N12" s="69" t="s">
        <v>174</v>
      </c>
      <c r="O12" s="78" t="s">
        <v>174</v>
      </c>
    </row>
    <row r="13" spans="1:15" ht="134.25" customHeight="1" x14ac:dyDescent="0.2">
      <c r="A13" s="63" t="s">
        <v>236</v>
      </c>
      <c r="B13" s="64" t="s">
        <v>25</v>
      </c>
      <c r="C13" s="71" t="s">
        <v>29</v>
      </c>
      <c r="D13" s="71" t="s">
        <v>42</v>
      </c>
      <c r="E13" s="66" t="s">
        <v>110</v>
      </c>
      <c r="F13" s="108" t="s">
        <v>330</v>
      </c>
      <c r="G13" s="67" t="s">
        <v>124</v>
      </c>
      <c r="H13" s="66" t="s">
        <v>159</v>
      </c>
      <c r="I13" s="73" t="s">
        <v>493</v>
      </c>
      <c r="J13" s="66" t="s">
        <v>202</v>
      </c>
      <c r="K13" s="66" t="s">
        <v>204</v>
      </c>
      <c r="L13" s="69" t="s">
        <v>81</v>
      </c>
      <c r="M13" s="69"/>
      <c r="N13" s="69" t="s">
        <v>174</v>
      </c>
      <c r="O13" s="78" t="s">
        <v>174</v>
      </c>
    </row>
    <row r="14" spans="1:15" ht="55.5" customHeight="1" x14ac:dyDescent="0.2">
      <c r="A14" s="63" t="s">
        <v>236</v>
      </c>
      <c r="B14" s="64" t="s">
        <v>25</v>
      </c>
      <c r="C14" s="71" t="s">
        <v>30</v>
      </c>
      <c r="D14" s="71" t="s">
        <v>182</v>
      </c>
      <c r="E14" s="66" t="s">
        <v>110</v>
      </c>
      <c r="F14" s="108" t="s">
        <v>330</v>
      </c>
      <c r="G14" s="67" t="s">
        <v>124</v>
      </c>
      <c r="H14" s="66" t="s">
        <v>159</v>
      </c>
      <c r="I14" s="73" t="s">
        <v>146</v>
      </c>
      <c r="J14" s="66" t="s">
        <v>202</v>
      </c>
      <c r="K14" s="66" t="s">
        <v>204</v>
      </c>
      <c r="L14" s="69" t="s">
        <v>81</v>
      </c>
      <c r="M14" s="69"/>
      <c r="N14" s="69" t="s">
        <v>174</v>
      </c>
      <c r="O14" s="78" t="s">
        <v>174</v>
      </c>
    </row>
    <row r="15" spans="1:15" ht="51" x14ac:dyDescent="0.2">
      <c r="A15" s="63" t="s">
        <v>236</v>
      </c>
      <c r="B15" s="64" t="s">
        <v>25</v>
      </c>
      <c r="C15" s="71" t="s">
        <v>30</v>
      </c>
      <c r="D15" s="71" t="s">
        <v>182</v>
      </c>
      <c r="E15" s="66" t="s">
        <v>110</v>
      </c>
      <c r="F15" s="108" t="s">
        <v>330</v>
      </c>
      <c r="G15" s="67" t="s">
        <v>124</v>
      </c>
      <c r="H15" s="66" t="s">
        <v>159</v>
      </c>
      <c r="I15" s="73" t="s">
        <v>196</v>
      </c>
      <c r="J15" s="66" t="s">
        <v>202</v>
      </c>
      <c r="K15" s="66" t="s">
        <v>204</v>
      </c>
      <c r="L15" s="69" t="s">
        <v>81</v>
      </c>
      <c r="M15" s="69"/>
      <c r="N15" s="69" t="s">
        <v>174</v>
      </c>
      <c r="O15" s="78" t="s">
        <v>174</v>
      </c>
    </row>
    <row r="16" spans="1:15" ht="74.25" customHeight="1" x14ac:dyDescent="0.2">
      <c r="A16" s="63" t="s">
        <v>236</v>
      </c>
      <c r="B16" s="74" t="s">
        <v>25</v>
      </c>
      <c r="C16" s="75" t="s">
        <v>17</v>
      </c>
      <c r="D16" s="75" t="s">
        <v>23</v>
      </c>
      <c r="E16" s="66" t="s">
        <v>110</v>
      </c>
      <c r="F16" s="108" t="s">
        <v>330</v>
      </c>
      <c r="G16" s="67" t="s">
        <v>124</v>
      </c>
      <c r="H16" s="67" t="s">
        <v>288</v>
      </c>
      <c r="I16" s="72" t="s">
        <v>205</v>
      </c>
      <c r="J16" s="66" t="s">
        <v>174</v>
      </c>
      <c r="K16" s="68" t="s">
        <v>174</v>
      </c>
      <c r="L16" s="68" t="s">
        <v>161</v>
      </c>
      <c r="M16" s="68"/>
      <c r="N16" s="69" t="s">
        <v>174</v>
      </c>
      <c r="O16" s="78" t="s">
        <v>174</v>
      </c>
    </row>
    <row r="17" spans="1:16" ht="60" customHeight="1" x14ac:dyDescent="0.2">
      <c r="A17" s="63" t="s">
        <v>236</v>
      </c>
      <c r="B17" s="76" t="s">
        <v>25</v>
      </c>
      <c r="C17" s="71" t="s">
        <v>31</v>
      </c>
      <c r="D17" s="71" t="s">
        <v>43</v>
      </c>
      <c r="E17" s="66" t="s">
        <v>110</v>
      </c>
      <c r="F17" s="108" t="s">
        <v>330</v>
      </c>
      <c r="G17" s="67" t="s">
        <v>124</v>
      </c>
      <c r="H17" s="66" t="s">
        <v>69</v>
      </c>
      <c r="I17" s="73" t="s">
        <v>216</v>
      </c>
      <c r="J17" s="67" t="s">
        <v>202</v>
      </c>
      <c r="K17" s="66" t="s">
        <v>204</v>
      </c>
      <c r="L17" s="77" t="s">
        <v>76</v>
      </c>
      <c r="M17" s="68"/>
      <c r="N17" s="69" t="s">
        <v>174</v>
      </c>
      <c r="O17" s="78" t="s">
        <v>174</v>
      </c>
    </row>
    <row r="18" spans="1:16" ht="57" customHeight="1" x14ac:dyDescent="0.2">
      <c r="A18" s="63" t="s">
        <v>236</v>
      </c>
      <c r="B18" s="76" t="s">
        <v>25</v>
      </c>
      <c r="C18" s="71" t="s">
        <v>32</v>
      </c>
      <c r="D18" s="71" t="s">
        <v>44</v>
      </c>
      <c r="E18" s="66" t="s">
        <v>110</v>
      </c>
      <c r="F18" s="108" t="s">
        <v>330</v>
      </c>
      <c r="G18" s="67" t="s">
        <v>124</v>
      </c>
      <c r="H18" s="66" t="s">
        <v>159</v>
      </c>
      <c r="I18" s="73" t="s">
        <v>192</v>
      </c>
      <c r="J18" s="66" t="s">
        <v>202</v>
      </c>
      <c r="K18" s="66" t="s">
        <v>204</v>
      </c>
      <c r="L18" s="69" t="s">
        <v>81</v>
      </c>
      <c r="M18" s="69"/>
      <c r="N18" s="69" t="s">
        <v>174</v>
      </c>
      <c r="O18" s="78" t="s">
        <v>174</v>
      </c>
    </row>
    <row r="19" spans="1:16" ht="42.75" customHeight="1" x14ac:dyDescent="0.2">
      <c r="A19" s="63" t="s">
        <v>236</v>
      </c>
      <c r="B19" s="76" t="s">
        <v>25</v>
      </c>
      <c r="C19" s="71" t="s">
        <v>54</v>
      </c>
      <c r="D19" s="71" t="s">
        <v>61</v>
      </c>
      <c r="E19" s="66" t="s">
        <v>110</v>
      </c>
      <c r="F19" s="108" t="s">
        <v>330</v>
      </c>
      <c r="G19" s="67" t="s">
        <v>124</v>
      </c>
      <c r="H19" s="66" t="s">
        <v>69</v>
      </c>
      <c r="I19" s="73" t="s">
        <v>523</v>
      </c>
      <c r="J19" s="66" t="s">
        <v>206</v>
      </c>
      <c r="K19" s="66" t="s">
        <v>204</v>
      </c>
      <c r="L19" s="69" t="s">
        <v>81</v>
      </c>
      <c r="M19" s="69"/>
      <c r="N19" s="69" t="s">
        <v>174</v>
      </c>
      <c r="O19" s="78" t="s">
        <v>174</v>
      </c>
    </row>
    <row r="20" spans="1:16" ht="38.25" x14ac:dyDescent="0.2">
      <c r="A20" s="63" t="s">
        <v>236</v>
      </c>
      <c r="B20" s="79" t="s">
        <v>25</v>
      </c>
      <c r="C20" s="67" t="s">
        <v>54</v>
      </c>
      <c r="D20" s="67" t="s">
        <v>61</v>
      </c>
      <c r="E20" s="66" t="s">
        <v>110</v>
      </c>
      <c r="F20" s="108" t="s">
        <v>330</v>
      </c>
      <c r="G20" s="67" t="s">
        <v>124</v>
      </c>
      <c r="H20" s="66" t="s">
        <v>69</v>
      </c>
      <c r="I20" s="73" t="s">
        <v>526</v>
      </c>
      <c r="J20" s="66" t="s">
        <v>174</v>
      </c>
      <c r="K20" s="68" t="s">
        <v>174</v>
      </c>
      <c r="L20" s="68" t="s">
        <v>161</v>
      </c>
      <c r="M20" s="68"/>
      <c r="N20" s="78" t="s">
        <v>174</v>
      </c>
      <c r="O20" s="78" t="s">
        <v>174</v>
      </c>
    </row>
    <row r="21" spans="1:16" ht="38.25" x14ac:dyDescent="0.2">
      <c r="A21" s="63" t="s">
        <v>236</v>
      </c>
      <c r="B21" s="76" t="s">
        <v>25</v>
      </c>
      <c r="C21" s="71" t="s">
        <v>33</v>
      </c>
      <c r="D21" s="71" t="s">
        <v>45</v>
      </c>
      <c r="E21" s="66" t="s">
        <v>110</v>
      </c>
      <c r="F21" s="108" t="s">
        <v>330</v>
      </c>
      <c r="G21" s="67" t="s">
        <v>124</v>
      </c>
      <c r="H21" s="66" t="s">
        <v>69</v>
      </c>
      <c r="I21" s="73" t="s">
        <v>215</v>
      </c>
      <c r="J21" s="67" t="s">
        <v>202</v>
      </c>
      <c r="K21" s="66" t="s">
        <v>204</v>
      </c>
      <c r="L21" s="69" t="s">
        <v>81</v>
      </c>
      <c r="M21" s="69"/>
      <c r="N21" s="69" t="s">
        <v>174</v>
      </c>
      <c r="O21" s="78" t="s">
        <v>174</v>
      </c>
    </row>
    <row r="22" spans="1:16" ht="69.75" customHeight="1" x14ac:dyDescent="0.2">
      <c r="A22" s="70" t="s">
        <v>236</v>
      </c>
      <c r="B22" s="79" t="s">
        <v>25</v>
      </c>
      <c r="C22" s="67" t="s">
        <v>277</v>
      </c>
      <c r="D22" s="67" t="s">
        <v>278</v>
      </c>
      <c r="E22" s="66"/>
      <c r="F22" s="108" t="s">
        <v>330</v>
      </c>
      <c r="G22" s="71"/>
      <c r="H22" s="179" t="s">
        <v>280</v>
      </c>
      <c r="I22" s="72" t="s">
        <v>357</v>
      </c>
      <c r="J22" s="69" t="s">
        <v>174</v>
      </c>
      <c r="K22" s="78" t="s">
        <v>174</v>
      </c>
      <c r="L22" s="69" t="s">
        <v>174</v>
      </c>
      <c r="M22" s="78" t="s">
        <v>124</v>
      </c>
      <c r="N22" s="69" t="s">
        <v>174</v>
      </c>
      <c r="O22" s="78" t="s">
        <v>174</v>
      </c>
    </row>
    <row r="23" spans="1:16" ht="43.5" customHeight="1" x14ac:dyDescent="0.2">
      <c r="A23" s="63" t="s">
        <v>236</v>
      </c>
      <c r="B23" s="76" t="s">
        <v>25</v>
      </c>
      <c r="C23" s="71" t="s">
        <v>34</v>
      </c>
      <c r="D23" s="71" t="s">
        <v>46</v>
      </c>
      <c r="E23" s="66" t="s">
        <v>110</v>
      </c>
      <c r="F23" s="108" t="s">
        <v>330</v>
      </c>
      <c r="G23" s="67" t="s">
        <v>124</v>
      </c>
      <c r="H23" s="66" t="s">
        <v>159</v>
      </c>
      <c r="I23" s="73" t="s">
        <v>197</v>
      </c>
      <c r="J23" s="66" t="s">
        <v>202</v>
      </c>
      <c r="K23" s="66" t="s">
        <v>204</v>
      </c>
      <c r="L23" s="69" t="s">
        <v>81</v>
      </c>
      <c r="M23" s="69"/>
      <c r="N23" s="69" t="s">
        <v>174</v>
      </c>
      <c r="O23" s="78" t="s">
        <v>174</v>
      </c>
    </row>
    <row r="24" spans="1:16" ht="51" hidden="1" x14ac:dyDescent="0.2">
      <c r="A24" s="126" t="s">
        <v>303</v>
      </c>
      <c r="B24" s="93" t="s">
        <v>25</v>
      </c>
      <c r="C24" s="67" t="s">
        <v>301</v>
      </c>
      <c r="D24" s="67" t="s">
        <v>302</v>
      </c>
      <c r="E24" s="66"/>
      <c r="F24" s="108" t="s">
        <v>330</v>
      </c>
      <c r="G24" s="166"/>
      <c r="H24" s="202"/>
      <c r="I24" s="73" t="s">
        <v>124</v>
      </c>
      <c r="J24" s="166"/>
      <c r="K24" s="203"/>
      <c r="L24" s="204"/>
      <c r="M24" s="205"/>
      <c r="N24" s="206"/>
      <c r="O24" s="166"/>
    </row>
    <row r="25" spans="1:16" ht="38.25" x14ac:dyDescent="0.2">
      <c r="A25" s="63" t="s">
        <v>236</v>
      </c>
      <c r="B25" s="76" t="s">
        <v>25</v>
      </c>
      <c r="C25" s="71" t="s">
        <v>35</v>
      </c>
      <c r="D25" s="71" t="s">
        <v>47</v>
      </c>
      <c r="E25" s="66" t="s">
        <v>110</v>
      </c>
      <c r="F25" s="108" t="s">
        <v>330</v>
      </c>
      <c r="G25" s="67" t="s">
        <v>124</v>
      </c>
      <c r="H25" s="66" t="s">
        <v>159</v>
      </c>
      <c r="I25" s="73" t="s">
        <v>198</v>
      </c>
      <c r="J25" s="67" t="s">
        <v>202</v>
      </c>
      <c r="K25" s="66" t="s">
        <v>204</v>
      </c>
      <c r="L25" s="77" t="s">
        <v>81</v>
      </c>
      <c r="M25" s="68"/>
      <c r="N25" s="69" t="s">
        <v>174</v>
      </c>
      <c r="O25" s="78" t="s">
        <v>174</v>
      </c>
    </row>
    <row r="26" spans="1:16" ht="65.25" customHeight="1" x14ac:dyDescent="0.2">
      <c r="A26" s="63" t="s">
        <v>236</v>
      </c>
      <c r="B26" s="76" t="s">
        <v>25</v>
      </c>
      <c r="C26" s="71" t="s">
        <v>36</v>
      </c>
      <c r="D26" s="71" t="s">
        <v>48</v>
      </c>
      <c r="E26" s="66" t="s">
        <v>110</v>
      </c>
      <c r="F26" s="108" t="s">
        <v>330</v>
      </c>
      <c r="G26" s="67" t="s">
        <v>124</v>
      </c>
      <c r="H26" s="66" t="s">
        <v>159</v>
      </c>
      <c r="I26" s="73" t="s">
        <v>187</v>
      </c>
      <c r="J26" s="66" t="s">
        <v>202</v>
      </c>
      <c r="K26" s="66" t="s">
        <v>204</v>
      </c>
      <c r="L26" s="69" t="s">
        <v>81</v>
      </c>
      <c r="M26" s="69"/>
      <c r="N26" s="69" t="s">
        <v>174</v>
      </c>
      <c r="O26" s="78" t="s">
        <v>174</v>
      </c>
    </row>
    <row r="27" spans="1:16" s="80" customFormat="1" ht="51" hidden="1" x14ac:dyDescent="0.2">
      <c r="A27" s="126" t="s">
        <v>303</v>
      </c>
      <c r="B27" s="93" t="s">
        <v>25</v>
      </c>
      <c r="C27" s="67" t="s">
        <v>37</v>
      </c>
      <c r="D27" s="67" t="s">
        <v>49</v>
      </c>
      <c r="E27" s="66" t="s">
        <v>110</v>
      </c>
      <c r="F27" s="108" t="s">
        <v>330</v>
      </c>
      <c r="G27" s="67" t="s">
        <v>124</v>
      </c>
      <c r="H27" s="66" t="s">
        <v>159</v>
      </c>
      <c r="I27" s="73" t="s">
        <v>199</v>
      </c>
      <c r="J27" s="66" t="s">
        <v>202</v>
      </c>
      <c r="K27" s="66" t="s">
        <v>204</v>
      </c>
      <c r="L27" s="69" t="s">
        <v>81</v>
      </c>
      <c r="M27" s="69"/>
      <c r="N27" s="69" t="s">
        <v>174</v>
      </c>
      <c r="O27" s="78" t="s">
        <v>174</v>
      </c>
    </row>
    <row r="28" spans="1:16" ht="51" hidden="1" x14ac:dyDescent="0.2">
      <c r="A28" s="126" t="s">
        <v>303</v>
      </c>
      <c r="B28" s="93" t="s">
        <v>25</v>
      </c>
      <c r="C28" s="67" t="s">
        <v>268</v>
      </c>
      <c r="D28" s="78" t="s">
        <v>269</v>
      </c>
      <c r="E28" s="67"/>
      <c r="F28" s="108" t="s">
        <v>330</v>
      </c>
      <c r="G28" s="71"/>
      <c r="H28" s="67" t="s">
        <v>282</v>
      </c>
      <c r="I28" s="207" t="s">
        <v>124</v>
      </c>
      <c r="J28" s="71" t="s">
        <v>316</v>
      </c>
      <c r="K28" s="208" t="s">
        <v>317</v>
      </c>
      <c r="L28" s="208" t="s">
        <v>318</v>
      </c>
      <c r="M28" s="208" t="s">
        <v>174</v>
      </c>
      <c r="N28" s="165" t="s">
        <v>174</v>
      </c>
      <c r="O28" s="209"/>
    </row>
    <row r="29" spans="1:16" ht="85.9" customHeight="1" x14ac:dyDescent="0.2">
      <c r="A29" s="70" t="s">
        <v>236</v>
      </c>
      <c r="B29" s="185" t="s">
        <v>25</v>
      </c>
      <c r="C29" s="67" t="s">
        <v>265</v>
      </c>
      <c r="D29" s="67" t="s">
        <v>281</v>
      </c>
      <c r="E29" s="66" t="s">
        <v>110</v>
      </c>
      <c r="F29" s="108" t="s">
        <v>330</v>
      </c>
      <c r="G29" s="67" t="s">
        <v>124</v>
      </c>
      <c r="H29" s="66" t="s">
        <v>159</v>
      </c>
      <c r="I29" s="73" t="s">
        <v>547</v>
      </c>
      <c r="J29" s="66" t="s">
        <v>202</v>
      </c>
      <c r="K29" s="66" t="s">
        <v>204</v>
      </c>
      <c r="L29" s="69" t="s">
        <v>81</v>
      </c>
      <c r="M29" s="166"/>
      <c r="N29" s="69" t="s">
        <v>174</v>
      </c>
      <c r="O29" s="78" t="s">
        <v>174</v>
      </c>
    </row>
    <row r="30" spans="1:16" ht="38.25" hidden="1" x14ac:dyDescent="0.2">
      <c r="A30" s="242" t="s">
        <v>236</v>
      </c>
      <c r="B30" s="243" t="s">
        <v>25</v>
      </c>
      <c r="C30" s="244" t="s">
        <v>18</v>
      </c>
      <c r="D30" s="244" t="s">
        <v>24</v>
      </c>
      <c r="E30" s="245" t="s">
        <v>110</v>
      </c>
      <c r="F30" s="246" t="s">
        <v>330</v>
      </c>
      <c r="G30" s="247" t="s">
        <v>124</v>
      </c>
      <c r="H30" s="245" t="s">
        <v>159</v>
      </c>
      <c r="I30" s="248" t="s">
        <v>208</v>
      </c>
      <c r="J30" s="245" t="s">
        <v>174</v>
      </c>
      <c r="K30" s="249" t="s">
        <v>174</v>
      </c>
      <c r="L30" s="250" t="s">
        <v>161</v>
      </c>
      <c r="M30" s="250"/>
      <c r="N30" s="251" t="s">
        <v>174</v>
      </c>
      <c r="O30" s="252" t="s">
        <v>174</v>
      </c>
      <c r="P30" s="254"/>
    </row>
    <row r="31" spans="1:16" ht="245.25" customHeight="1" x14ac:dyDescent="0.2">
      <c r="A31" s="63" t="s">
        <v>236</v>
      </c>
      <c r="B31" s="89" t="s">
        <v>25</v>
      </c>
      <c r="C31" s="75" t="s">
        <v>19</v>
      </c>
      <c r="D31" s="67" t="s">
        <v>283</v>
      </c>
      <c r="E31" s="90" t="s">
        <v>110</v>
      </c>
      <c r="F31" s="108" t="s">
        <v>330</v>
      </c>
      <c r="G31" s="88" t="s">
        <v>124</v>
      </c>
      <c r="H31" s="90" t="s">
        <v>69</v>
      </c>
      <c r="I31" s="164" t="s">
        <v>479</v>
      </c>
      <c r="J31" s="90" t="s">
        <v>174</v>
      </c>
      <c r="K31" s="83" t="s">
        <v>174</v>
      </c>
      <c r="L31" s="167" t="s">
        <v>161</v>
      </c>
      <c r="M31" s="168"/>
      <c r="N31" s="83" t="s">
        <v>174</v>
      </c>
      <c r="O31" s="83" t="s">
        <v>174</v>
      </c>
    </row>
    <row r="32" spans="1:16" ht="103.9" customHeight="1" x14ac:dyDescent="0.2">
      <c r="A32" s="63" t="s">
        <v>236</v>
      </c>
      <c r="B32" s="71" t="s">
        <v>25</v>
      </c>
      <c r="C32" s="71" t="s">
        <v>19</v>
      </c>
      <c r="D32" s="67" t="s">
        <v>283</v>
      </c>
      <c r="E32" s="67" t="s">
        <v>110</v>
      </c>
      <c r="F32" s="108" t="s">
        <v>330</v>
      </c>
      <c r="G32" s="67" t="s">
        <v>124</v>
      </c>
      <c r="H32" s="67" t="s">
        <v>69</v>
      </c>
      <c r="I32" s="164" t="s">
        <v>512</v>
      </c>
      <c r="J32" s="67" t="s">
        <v>174</v>
      </c>
      <c r="K32" s="83" t="s">
        <v>174</v>
      </c>
      <c r="L32" s="78" t="s">
        <v>161</v>
      </c>
      <c r="M32" s="78"/>
      <c r="N32" s="83" t="s">
        <v>174</v>
      </c>
      <c r="O32" s="83" t="s">
        <v>174</v>
      </c>
    </row>
    <row r="33" spans="1:15" ht="30.75" hidden="1" customHeight="1" x14ac:dyDescent="0.2">
      <c r="A33" s="126" t="s">
        <v>303</v>
      </c>
      <c r="B33" s="93" t="s">
        <v>25</v>
      </c>
      <c r="C33" s="67" t="s">
        <v>19</v>
      </c>
      <c r="D33" s="73" t="s">
        <v>284</v>
      </c>
      <c r="E33" s="67"/>
      <c r="F33" s="108" t="s">
        <v>124</v>
      </c>
      <c r="G33" s="166"/>
      <c r="H33" s="166"/>
      <c r="I33" s="166"/>
      <c r="J33" s="166"/>
      <c r="K33" s="204"/>
      <c r="L33" s="204"/>
      <c r="M33" s="204"/>
      <c r="N33" s="165"/>
      <c r="O33" s="209"/>
    </row>
    <row r="34" spans="1:15" ht="108.75" customHeight="1" x14ac:dyDescent="0.2">
      <c r="A34" s="63" t="s">
        <v>236</v>
      </c>
      <c r="B34" s="89" t="s">
        <v>25</v>
      </c>
      <c r="C34" s="75" t="s">
        <v>19</v>
      </c>
      <c r="D34" s="67" t="s">
        <v>283</v>
      </c>
      <c r="E34" s="90" t="s">
        <v>110</v>
      </c>
      <c r="F34" s="108" t="s">
        <v>330</v>
      </c>
      <c r="G34" s="88" t="s">
        <v>124</v>
      </c>
      <c r="H34" s="90" t="s">
        <v>69</v>
      </c>
      <c r="I34" s="164" t="s">
        <v>514</v>
      </c>
      <c r="J34" s="90" t="s">
        <v>174</v>
      </c>
      <c r="K34" s="83" t="s">
        <v>174</v>
      </c>
      <c r="L34" s="167" t="s">
        <v>161</v>
      </c>
      <c r="M34" s="168"/>
      <c r="N34" s="83" t="s">
        <v>174</v>
      </c>
      <c r="O34" s="83" t="s">
        <v>174</v>
      </c>
    </row>
    <row r="35" spans="1:15" ht="38.25" x14ac:dyDescent="0.2">
      <c r="A35" s="63" t="s">
        <v>236</v>
      </c>
      <c r="B35" s="71" t="s">
        <v>25</v>
      </c>
      <c r="C35" s="71" t="s">
        <v>38</v>
      </c>
      <c r="D35" s="71" t="s">
        <v>50</v>
      </c>
      <c r="E35" s="67" t="s">
        <v>110</v>
      </c>
      <c r="F35" s="108" t="s">
        <v>330</v>
      </c>
      <c r="G35" s="82" t="s">
        <v>124</v>
      </c>
      <c r="H35" s="78" t="s">
        <v>159</v>
      </c>
      <c r="I35" s="73" t="s">
        <v>149</v>
      </c>
      <c r="J35" s="67" t="s">
        <v>174</v>
      </c>
      <c r="K35" s="83" t="s">
        <v>174</v>
      </c>
      <c r="L35" s="78" t="s">
        <v>161</v>
      </c>
      <c r="M35" s="78"/>
      <c r="N35" s="83" t="s">
        <v>174</v>
      </c>
      <c r="O35" s="83" t="s">
        <v>174</v>
      </c>
    </row>
    <row r="36" spans="1:15" ht="12.75" customHeight="1" x14ac:dyDescent="0.2">
      <c r="A36" s="210" t="s">
        <v>134</v>
      </c>
      <c r="D36" s="86"/>
      <c r="E36" s="210" t="s">
        <v>102</v>
      </c>
      <c r="H36" s="210" t="s">
        <v>107</v>
      </c>
      <c r="I36" s="210" t="s">
        <v>289</v>
      </c>
      <c r="J36" s="210" t="s">
        <v>108</v>
      </c>
      <c r="K36" s="59"/>
      <c r="L36" s="59"/>
      <c r="M36" s="59"/>
      <c r="N36" s="311" t="s">
        <v>84</v>
      </c>
      <c r="O36" s="311"/>
    </row>
    <row r="37" spans="1:15" x14ac:dyDescent="0.2">
      <c r="A37" s="211" t="s">
        <v>135</v>
      </c>
      <c r="D37" s="86"/>
      <c r="E37" s="211" t="s">
        <v>103</v>
      </c>
      <c r="H37" s="211" t="s">
        <v>65</v>
      </c>
      <c r="I37" s="211" t="s">
        <v>430</v>
      </c>
      <c r="J37" s="211" t="s">
        <v>93</v>
      </c>
      <c r="K37" s="59"/>
      <c r="L37" s="59"/>
      <c r="M37" s="59"/>
      <c r="N37" s="305" t="s">
        <v>85</v>
      </c>
      <c r="O37" s="305"/>
    </row>
    <row r="38" spans="1:15" ht="12.75" customHeight="1" x14ac:dyDescent="0.2">
      <c r="D38" s="86"/>
      <c r="E38" s="211" t="s">
        <v>110</v>
      </c>
      <c r="H38" s="211" t="s">
        <v>121</v>
      </c>
      <c r="I38" s="303" t="s">
        <v>396</v>
      </c>
      <c r="J38" s="211" t="s">
        <v>94</v>
      </c>
      <c r="K38" s="59"/>
      <c r="L38" s="59"/>
      <c r="M38" s="59"/>
      <c r="N38" s="305" t="s">
        <v>86</v>
      </c>
      <c r="O38" s="305"/>
    </row>
    <row r="39" spans="1:15" x14ac:dyDescent="0.2">
      <c r="D39" s="86"/>
      <c r="E39" s="211" t="s">
        <v>111</v>
      </c>
      <c r="H39" s="180" t="s">
        <v>291</v>
      </c>
      <c r="I39" s="303"/>
      <c r="J39" s="211"/>
      <c r="K39" s="212"/>
      <c r="L39" s="59"/>
      <c r="M39" s="59"/>
      <c r="N39" s="305" t="s">
        <v>87</v>
      </c>
      <c r="O39" s="305"/>
    </row>
    <row r="40" spans="1:15" ht="12.75" customHeight="1" x14ac:dyDescent="0.2">
      <c r="D40" s="86"/>
      <c r="E40" s="181"/>
      <c r="H40" s="180" t="s">
        <v>292</v>
      </c>
      <c r="I40" s="303" t="s">
        <v>397</v>
      </c>
      <c r="J40" s="210" t="s">
        <v>73</v>
      </c>
      <c r="K40" s="212"/>
      <c r="L40" s="59"/>
      <c r="M40" s="59"/>
      <c r="N40" s="305" t="s">
        <v>88</v>
      </c>
      <c r="O40" s="305"/>
    </row>
    <row r="41" spans="1:15" x14ac:dyDescent="0.2">
      <c r="D41" s="86"/>
      <c r="E41" s="181"/>
      <c r="H41" s="211" t="s">
        <v>126</v>
      </c>
      <c r="I41" s="303"/>
      <c r="J41" s="211"/>
      <c r="K41" s="212"/>
      <c r="L41" s="59"/>
      <c r="M41" s="59"/>
      <c r="N41" s="212" t="s">
        <v>89</v>
      </c>
      <c r="O41" s="212"/>
    </row>
    <row r="42" spans="1:15" ht="12.75" customHeight="1" x14ac:dyDescent="0.2">
      <c r="D42" s="86"/>
      <c r="E42" s="181"/>
      <c r="H42" s="211" t="s">
        <v>67</v>
      </c>
      <c r="I42" s="303" t="s">
        <v>398</v>
      </c>
      <c r="J42" s="211" t="s">
        <v>74</v>
      </c>
      <c r="K42" s="212"/>
      <c r="L42" s="59"/>
      <c r="M42" s="59"/>
      <c r="N42" s="199"/>
      <c r="O42" s="59"/>
    </row>
    <row r="43" spans="1:15" x14ac:dyDescent="0.2">
      <c r="D43" s="86"/>
      <c r="E43" s="181"/>
      <c r="H43" s="211" t="s">
        <v>68</v>
      </c>
      <c r="I43" s="303"/>
      <c r="J43" s="211" t="s">
        <v>75</v>
      </c>
      <c r="K43" s="212"/>
      <c r="L43" s="59"/>
      <c r="M43" s="59"/>
      <c r="N43" s="199"/>
      <c r="O43" s="59"/>
    </row>
    <row r="44" spans="1:15" x14ac:dyDescent="0.2">
      <c r="D44" s="86"/>
      <c r="E44" s="181"/>
      <c r="H44" s="211" t="s">
        <v>69</v>
      </c>
      <c r="I44" s="80"/>
      <c r="J44" s="211" t="s">
        <v>76</v>
      </c>
      <c r="K44" s="59"/>
      <c r="L44" s="59"/>
      <c r="M44" s="59"/>
      <c r="N44" s="199"/>
      <c r="O44" s="59"/>
    </row>
    <row r="45" spans="1:15" x14ac:dyDescent="0.2">
      <c r="D45" s="86"/>
      <c r="E45" s="181"/>
      <c r="H45" s="211" t="s">
        <v>70</v>
      </c>
      <c r="I45" s="210" t="s">
        <v>295</v>
      </c>
      <c r="J45" s="211" t="s">
        <v>82</v>
      </c>
      <c r="K45" s="59"/>
      <c r="L45" s="59"/>
      <c r="M45" s="59"/>
      <c r="N45" s="199"/>
      <c r="O45" s="59"/>
    </row>
    <row r="46" spans="1:15" x14ac:dyDescent="0.2">
      <c r="D46" s="86"/>
      <c r="E46" s="181"/>
      <c r="H46" s="211" t="s">
        <v>71</v>
      </c>
      <c r="I46" s="211" t="s">
        <v>399</v>
      </c>
      <c r="J46" s="211" t="s">
        <v>78</v>
      </c>
      <c r="K46" s="59"/>
      <c r="L46" s="59"/>
      <c r="M46" s="59"/>
      <c r="N46" s="199"/>
      <c r="O46" s="59"/>
    </row>
    <row r="47" spans="1:15" x14ac:dyDescent="0.2">
      <c r="D47" s="86"/>
      <c r="E47" s="181"/>
      <c r="H47" s="211" t="s">
        <v>122</v>
      </c>
      <c r="I47" s="211" t="s">
        <v>296</v>
      </c>
      <c r="J47" s="211" t="s">
        <v>83</v>
      </c>
      <c r="K47" s="59"/>
      <c r="L47" s="59"/>
      <c r="M47" s="59"/>
      <c r="N47" s="199"/>
      <c r="O47" s="59"/>
    </row>
    <row r="48" spans="1:15" x14ac:dyDescent="0.2">
      <c r="D48" s="86"/>
      <c r="E48" s="181"/>
      <c r="H48" s="211" t="s">
        <v>72</v>
      </c>
      <c r="I48" s="80"/>
      <c r="J48" s="211" t="s">
        <v>79</v>
      </c>
      <c r="K48" s="59"/>
      <c r="L48" s="59"/>
      <c r="M48" s="59"/>
      <c r="N48" s="199"/>
      <c r="O48" s="59"/>
    </row>
    <row r="49" spans="4:15" x14ac:dyDescent="0.2">
      <c r="D49" s="86"/>
      <c r="H49" s="213" t="s">
        <v>297</v>
      </c>
      <c r="I49" s="210"/>
      <c r="J49" s="211" t="s">
        <v>80</v>
      </c>
      <c r="K49" s="59"/>
      <c r="L49" s="59"/>
      <c r="M49" s="59"/>
      <c r="N49" s="199"/>
      <c r="O49" s="59"/>
    </row>
    <row r="50" spans="4:15" x14ac:dyDescent="0.2">
      <c r="D50" s="86"/>
      <c r="H50" s="211" t="s">
        <v>287</v>
      </c>
      <c r="I50" s="198"/>
      <c r="J50" s="211" t="s">
        <v>92</v>
      </c>
      <c r="K50" s="59"/>
      <c r="L50" s="59"/>
      <c r="M50" s="59"/>
      <c r="N50" s="199"/>
      <c r="O50" s="59"/>
    </row>
    <row r="51" spans="4:15" x14ac:dyDescent="0.2">
      <c r="D51" s="86"/>
      <c r="H51" s="211" t="s">
        <v>288</v>
      </c>
      <c r="I51" s="198"/>
      <c r="J51" s="211" t="s">
        <v>81</v>
      </c>
      <c r="K51" s="59"/>
      <c r="L51" s="59"/>
      <c r="M51" s="59"/>
      <c r="N51" s="199"/>
      <c r="O51" s="59"/>
    </row>
    <row r="52" spans="4:15" x14ac:dyDescent="0.2">
      <c r="D52" s="86"/>
      <c r="H52" s="211" t="s">
        <v>280</v>
      </c>
      <c r="I52" s="198"/>
      <c r="J52" s="211" t="s">
        <v>91</v>
      </c>
      <c r="K52" s="59"/>
      <c r="L52" s="59"/>
      <c r="M52" s="59"/>
      <c r="N52" s="199"/>
      <c r="O52" s="59"/>
    </row>
    <row r="53" spans="4:15" x14ac:dyDescent="0.2">
      <c r="D53" s="86"/>
      <c r="H53" s="213" t="s">
        <v>282</v>
      </c>
      <c r="I53" s="80"/>
      <c r="J53" s="211" t="s">
        <v>298</v>
      </c>
      <c r="K53" s="59"/>
      <c r="L53" s="59"/>
      <c r="M53" s="59"/>
      <c r="N53" s="199"/>
      <c r="O53" s="59"/>
    </row>
    <row r="54" spans="4:15" x14ac:dyDescent="0.2">
      <c r="D54" s="86"/>
      <c r="H54" s="211" t="s">
        <v>299</v>
      </c>
      <c r="I54" s="80"/>
      <c r="J54" s="211"/>
      <c r="K54" s="59"/>
      <c r="L54" s="59"/>
      <c r="M54" s="59"/>
      <c r="N54" s="199"/>
      <c r="O54" s="59"/>
    </row>
    <row r="55" spans="4:15" x14ac:dyDescent="0.2">
      <c r="D55" s="86"/>
      <c r="H55" s="211" t="s">
        <v>300</v>
      </c>
      <c r="I55" s="80"/>
      <c r="J55" s="211"/>
      <c r="K55" s="59"/>
      <c r="L55" s="59"/>
      <c r="M55" s="59"/>
      <c r="N55" s="199"/>
      <c r="O55" s="59"/>
    </row>
    <row r="56" spans="4:15" x14ac:dyDescent="0.2">
      <c r="D56" s="86"/>
      <c r="H56" s="211"/>
      <c r="I56" s="80"/>
      <c r="J56" s="211"/>
      <c r="K56" s="59"/>
      <c r="L56" s="59"/>
      <c r="M56" s="59"/>
      <c r="N56" s="199"/>
      <c r="O56" s="59"/>
    </row>
  </sheetData>
  <autoFilter ref="A4:O35" xr:uid="{00000000-0009-0000-0000-000004000000}">
    <sortState ref="A5:O55">
      <sortCondition ref="C4:C55"/>
    </sortState>
  </autoFilter>
  <mergeCells count="14">
    <mergeCell ref="I42:I43"/>
    <mergeCell ref="A1:O1"/>
    <mergeCell ref="N40:O40"/>
    <mergeCell ref="C3:D3"/>
    <mergeCell ref="E3:G3"/>
    <mergeCell ref="H3:I3"/>
    <mergeCell ref="J3:L3"/>
    <mergeCell ref="N36:O36"/>
    <mergeCell ref="N37:O37"/>
    <mergeCell ref="N38:O38"/>
    <mergeCell ref="N39:O39"/>
    <mergeCell ref="A2:O2"/>
    <mergeCell ref="I38:I39"/>
    <mergeCell ref="I40:I41"/>
  </mergeCells>
  <pageMargins left="0.25" right="0.25" top="0.75" bottom="0.75" header="0.3" footer="0.3"/>
  <pageSetup scale="65" firstPageNumber="2" fitToHeight="0" orientation="landscape" useFirstPageNumber="1" horizontalDpi="300" verticalDpi="300" r:id="rId1"/>
  <headerFooter alignWithMargins="0">
    <oddHeader>&amp;C&amp;"Arial,Bold"&amp;12 Oklahoma Workers' Compensation Commission (OK WCC)
Subsequent Report of Injury Event Table</oddHeader>
    <oddFooter>&amp;L&amp;F&amp;C&amp;P&amp;R&amp;A</oddFooter>
  </headerFooter>
  <ignoredErrors>
    <ignoredError sqref="A5:E8 A35:E35 C27 A28 C28:E28 A10:E13 A9 C9:E9 E27 A14:C15 E14:E15 A16:E26 A29:E33" numberStoredAsText="1"/>
    <ignoredError sqref="F35:G35 F5:G33" twoDigitTextYear="1"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P25"/>
  <sheetViews>
    <sheetView zoomScaleNormal="100" zoomScalePageLayoutView="115" workbookViewId="0">
      <pane ySplit="4" topLeftCell="A5" activePane="bottomLeft" state="frozen"/>
      <selection pane="bottomLeft" activeCell="A5" sqref="A5"/>
    </sheetView>
  </sheetViews>
  <sheetFormatPr defaultRowHeight="12.75" x14ac:dyDescent="0.2"/>
  <cols>
    <col min="1" max="1" width="7.5703125" customWidth="1"/>
    <col min="2" max="2" width="7.28515625" customWidth="1"/>
    <col min="3" max="3" width="6.28515625" customWidth="1"/>
    <col min="4" max="4" width="12.7109375" customWidth="1"/>
    <col min="5" max="5" width="9.28515625" style="6" customWidth="1"/>
    <col min="6" max="6" width="9.42578125" customWidth="1"/>
    <col min="7" max="7" width="8.140625" customWidth="1"/>
    <col min="8" max="8" width="9" style="1" customWidth="1"/>
    <col min="9" max="9" width="19.5703125" style="1" customWidth="1"/>
    <col min="10" max="10" width="12.5703125" style="1" customWidth="1"/>
    <col min="11" max="11" width="15.7109375" customWidth="1"/>
    <col min="12" max="12" width="16" customWidth="1"/>
    <col min="13" max="13" width="34.140625" style="9" customWidth="1"/>
    <col min="14" max="14" width="12.7109375" style="9" customWidth="1"/>
    <col min="15" max="15" width="13.7109375" style="9" customWidth="1"/>
  </cols>
  <sheetData>
    <row r="1" spans="1:16" ht="34.5" customHeight="1" x14ac:dyDescent="0.2">
      <c r="A1" s="319" t="s">
        <v>115</v>
      </c>
      <c r="B1" s="320"/>
      <c r="C1" s="320"/>
      <c r="D1" s="320"/>
      <c r="E1" s="320"/>
      <c r="F1" s="320"/>
      <c r="G1" s="320"/>
      <c r="H1" s="320"/>
      <c r="I1" s="320"/>
      <c r="J1" s="320"/>
      <c r="K1" s="320"/>
      <c r="L1" s="320"/>
      <c r="M1" s="320"/>
      <c r="N1" s="320"/>
      <c r="O1" s="320"/>
      <c r="P1" s="11"/>
    </row>
    <row r="2" spans="1:16" ht="64.5" customHeight="1" thickBot="1" x14ac:dyDescent="0.25">
      <c r="A2" s="321" t="s">
        <v>212</v>
      </c>
      <c r="B2" s="320"/>
      <c r="C2" s="320"/>
      <c r="D2" s="320"/>
      <c r="E2" s="320"/>
      <c r="F2" s="320"/>
      <c r="G2" s="320"/>
      <c r="H2" s="320"/>
      <c r="I2" s="320"/>
      <c r="J2" s="320"/>
      <c r="K2" s="320"/>
      <c r="L2" s="320"/>
      <c r="M2" s="320"/>
      <c r="N2" s="320"/>
      <c r="O2" s="320"/>
    </row>
    <row r="3" spans="1:16" x14ac:dyDescent="0.2">
      <c r="A3" s="324" t="s">
        <v>134</v>
      </c>
      <c r="B3" s="326" t="s">
        <v>0</v>
      </c>
      <c r="C3" s="328" t="s">
        <v>3</v>
      </c>
      <c r="D3" s="329"/>
      <c r="E3" s="328" t="s">
        <v>105</v>
      </c>
      <c r="F3" s="329"/>
      <c r="G3" s="330"/>
      <c r="H3" s="331" t="s">
        <v>98</v>
      </c>
      <c r="I3" s="332"/>
      <c r="J3" s="115" t="s">
        <v>271</v>
      </c>
      <c r="K3" s="314" t="s">
        <v>117</v>
      </c>
      <c r="L3" s="315"/>
      <c r="M3" s="316" t="s">
        <v>125</v>
      </c>
      <c r="N3" s="317"/>
      <c r="O3" s="318"/>
      <c r="P3" s="17"/>
    </row>
    <row r="4" spans="1:16" s="54" customFormat="1" ht="18.75" customHeight="1" thickBot="1" x14ac:dyDescent="0.25">
      <c r="A4" s="325"/>
      <c r="B4" s="327"/>
      <c r="C4" s="47" t="s">
        <v>4</v>
      </c>
      <c r="D4" s="51" t="s">
        <v>5</v>
      </c>
      <c r="E4" s="47" t="s">
        <v>99</v>
      </c>
      <c r="F4" s="50" t="s">
        <v>1</v>
      </c>
      <c r="G4" s="48" t="s">
        <v>2</v>
      </c>
      <c r="H4" s="47" t="s">
        <v>99</v>
      </c>
      <c r="I4" s="48" t="s">
        <v>6</v>
      </c>
      <c r="J4" s="47" t="s">
        <v>124</v>
      </c>
      <c r="K4" s="47" t="s">
        <v>95</v>
      </c>
      <c r="L4" s="50" t="s">
        <v>96</v>
      </c>
      <c r="M4" s="47" t="s">
        <v>11</v>
      </c>
      <c r="N4" s="49" t="s">
        <v>109</v>
      </c>
      <c r="O4" s="48" t="s">
        <v>1</v>
      </c>
    </row>
    <row r="5" spans="1:16" s="59" customFormat="1" ht="107.65" customHeight="1" thickBot="1" x14ac:dyDescent="0.25">
      <c r="A5" s="60" t="s">
        <v>236</v>
      </c>
      <c r="B5" s="61" t="s">
        <v>25</v>
      </c>
      <c r="C5" s="62" t="s">
        <v>57</v>
      </c>
      <c r="D5" s="45" t="s">
        <v>127</v>
      </c>
      <c r="E5" s="45" t="s">
        <v>110</v>
      </c>
      <c r="F5" s="45" t="s">
        <v>330</v>
      </c>
      <c r="G5" s="46" t="s">
        <v>124</v>
      </c>
      <c r="H5" s="56" t="s">
        <v>193</v>
      </c>
      <c r="I5" s="56" t="s">
        <v>405</v>
      </c>
      <c r="J5" s="57"/>
      <c r="K5" s="56" t="s">
        <v>128</v>
      </c>
      <c r="L5" s="56" t="s">
        <v>404</v>
      </c>
      <c r="M5" s="186" t="s">
        <v>406</v>
      </c>
      <c r="N5" s="56" t="s">
        <v>194</v>
      </c>
      <c r="O5" s="58" t="s">
        <v>476</v>
      </c>
    </row>
    <row r="6" spans="1:16" s="54" customFormat="1" ht="36" hidden="1" customHeight="1" x14ac:dyDescent="0.2">
      <c r="A6" s="43" t="s">
        <v>177</v>
      </c>
      <c r="B6" s="39" t="s">
        <v>25</v>
      </c>
      <c r="C6" s="21" t="s">
        <v>51</v>
      </c>
      <c r="D6" s="21" t="s">
        <v>58</v>
      </c>
      <c r="E6" s="22"/>
      <c r="F6" s="23"/>
      <c r="G6" s="23"/>
      <c r="H6" s="22"/>
      <c r="I6" s="22"/>
      <c r="J6" s="116"/>
      <c r="K6" s="24"/>
      <c r="L6" s="25"/>
      <c r="M6" s="26"/>
      <c r="N6" s="38"/>
      <c r="O6" s="44"/>
    </row>
    <row r="7" spans="1:16" s="53" customFormat="1" ht="36" hidden="1" customHeight="1" x14ac:dyDescent="0.2">
      <c r="A7" s="42" t="s">
        <v>177</v>
      </c>
      <c r="B7" s="40" t="s">
        <v>25</v>
      </c>
      <c r="C7" s="27" t="s">
        <v>52</v>
      </c>
      <c r="D7" s="27" t="s">
        <v>59</v>
      </c>
      <c r="E7" s="28"/>
      <c r="F7" s="29"/>
      <c r="G7" s="29"/>
      <c r="H7" s="28"/>
      <c r="I7" s="28"/>
      <c r="J7" s="117"/>
      <c r="K7" s="30"/>
      <c r="L7" s="31" t="s">
        <v>120</v>
      </c>
      <c r="M7" s="32"/>
      <c r="N7" s="32"/>
      <c r="O7" s="33"/>
      <c r="P7" s="54"/>
    </row>
    <row r="8" spans="1:16" s="54" customFormat="1" ht="26.25" hidden="1" customHeight="1" x14ac:dyDescent="0.2">
      <c r="A8" s="42" t="s">
        <v>177</v>
      </c>
      <c r="B8" s="40" t="s">
        <v>25</v>
      </c>
      <c r="C8" s="27" t="s">
        <v>53</v>
      </c>
      <c r="D8" s="27" t="s">
        <v>60</v>
      </c>
      <c r="E8" s="28"/>
      <c r="F8" s="29"/>
      <c r="G8" s="29"/>
      <c r="H8" s="28"/>
      <c r="I8" s="28"/>
      <c r="J8" s="117"/>
      <c r="K8" s="30"/>
      <c r="L8" s="31"/>
      <c r="M8" s="32"/>
      <c r="N8" s="32"/>
      <c r="O8" s="33"/>
      <c r="P8" s="53"/>
    </row>
    <row r="9" spans="1:16" s="54" customFormat="1" ht="36" hidden="1" x14ac:dyDescent="0.2">
      <c r="A9" s="42" t="s">
        <v>177</v>
      </c>
      <c r="B9" s="40" t="s">
        <v>25</v>
      </c>
      <c r="C9" s="27" t="s">
        <v>55</v>
      </c>
      <c r="D9" s="27" t="s">
        <v>62</v>
      </c>
      <c r="E9" s="28" t="s">
        <v>124</v>
      </c>
      <c r="F9" s="29"/>
      <c r="G9" s="29"/>
      <c r="H9" s="28"/>
      <c r="I9" s="28"/>
      <c r="J9" s="28"/>
      <c r="K9" s="34"/>
      <c r="L9" s="35"/>
      <c r="M9" s="36"/>
      <c r="N9" s="36"/>
      <c r="O9" s="37"/>
    </row>
    <row r="10" spans="1:16" s="54" customFormat="1" ht="36" hidden="1" x14ac:dyDescent="0.2">
      <c r="A10" s="42" t="s">
        <v>177</v>
      </c>
      <c r="B10" s="40" t="s">
        <v>25</v>
      </c>
      <c r="C10" s="27" t="s">
        <v>56</v>
      </c>
      <c r="D10" s="27" t="s">
        <v>63</v>
      </c>
      <c r="E10" s="28"/>
      <c r="F10" s="29"/>
      <c r="G10" s="29"/>
      <c r="H10" s="28"/>
      <c r="I10" s="28"/>
      <c r="J10" s="117"/>
      <c r="K10" s="30"/>
      <c r="L10" s="31"/>
      <c r="M10" s="32"/>
      <c r="N10" s="32"/>
      <c r="O10" s="33"/>
    </row>
    <row r="11" spans="1:16" x14ac:dyDescent="0.2">
      <c r="A11" s="41" t="s">
        <v>134</v>
      </c>
      <c r="E11" s="16" t="s">
        <v>106</v>
      </c>
      <c r="H11" s="2"/>
      <c r="I11" s="2"/>
      <c r="J11" s="2"/>
      <c r="K11" s="19" t="s">
        <v>118</v>
      </c>
      <c r="L11" s="20"/>
      <c r="N11" s="12" t="s">
        <v>109</v>
      </c>
    </row>
    <row r="12" spans="1:16" ht="22.5" customHeight="1" x14ac:dyDescent="0.2">
      <c r="A12" s="15" t="s">
        <v>135</v>
      </c>
      <c r="E12" s="14" t="s">
        <v>103</v>
      </c>
      <c r="H12" s="2"/>
      <c r="I12" s="3"/>
      <c r="J12" s="3"/>
      <c r="K12" s="333" t="s">
        <v>128</v>
      </c>
      <c r="L12" s="335"/>
      <c r="N12" s="13" t="s">
        <v>93</v>
      </c>
    </row>
    <row r="13" spans="1:16" ht="24.75" customHeight="1" x14ac:dyDescent="0.2">
      <c r="E13" s="55" t="s">
        <v>110</v>
      </c>
      <c r="H13" s="2"/>
      <c r="I13" s="2"/>
      <c r="J13" s="2"/>
      <c r="K13" s="333" t="s">
        <v>129</v>
      </c>
      <c r="L13" s="335"/>
      <c r="N13" s="13" t="s">
        <v>116</v>
      </c>
    </row>
    <row r="14" spans="1:16" ht="24.75" customHeight="1" x14ac:dyDescent="0.2">
      <c r="E14" s="14" t="s">
        <v>111</v>
      </c>
      <c r="H14" s="2"/>
      <c r="I14" s="2"/>
      <c r="J14" s="2"/>
      <c r="K14" s="333" t="s">
        <v>130</v>
      </c>
      <c r="L14" s="335"/>
      <c r="M14" s="3"/>
      <c r="N14" s="3"/>
    </row>
    <row r="15" spans="1:16" x14ac:dyDescent="0.2">
      <c r="E15"/>
      <c r="H15" s="2"/>
      <c r="I15" s="2"/>
      <c r="J15" s="2"/>
      <c r="K15" s="19" t="s">
        <v>119</v>
      </c>
      <c r="L15" s="52"/>
      <c r="M15" s="3"/>
      <c r="N15" s="3"/>
    </row>
    <row r="16" spans="1:16" x14ac:dyDescent="0.2">
      <c r="E16"/>
      <c r="H16" s="2"/>
      <c r="I16" s="2"/>
      <c r="J16" s="2"/>
      <c r="K16" s="333" t="s">
        <v>133</v>
      </c>
      <c r="L16" s="320"/>
      <c r="M16" s="10"/>
      <c r="N16" s="10"/>
    </row>
    <row r="17" spans="5:14" ht="27" customHeight="1" x14ac:dyDescent="0.2">
      <c r="E17"/>
      <c r="H17" s="2"/>
      <c r="I17" s="2"/>
      <c r="J17" s="2"/>
      <c r="K17" s="333" t="s">
        <v>131</v>
      </c>
      <c r="L17" s="320"/>
      <c r="M17" s="10"/>
      <c r="N17" s="10"/>
    </row>
    <row r="18" spans="5:14" ht="27" customHeight="1" x14ac:dyDescent="0.2">
      <c r="E18"/>
      <c r="H18" s="2"/>
      <c r="I18" s="2"/>
      <c r="J18" s="2"/>
      <c r="K18" s="333" t="s">
        <v>97</v>
      </c>
      <c r="L18" s="320"/>
    </row>
    <row r="19" spans="5:14" ht="27" customHeight="1" x14ac:dyDescent="0.2">
      <c r="H19" s="2"/>
      <c r="I19" s="2"/>
      <c r="J19" s="2"/>
      <c r="K19" s="322" t="s">
        <v>132</v>
      </c>
      <c r="L19" s="323"/>
    </row>
    <row r="20" spans="5:14" ht="13.5" x14ac:dyDescent="0.25">
      <c r="E20" s="8"/>
      <c r="H20" s="2"/>
      <c r="I20" s="2"/>
      <c r="J20" s="2"/>
      <c r="K20" s="333"/>
      <c r="L20" s="334"/>
    </row>
    <row r="21" spans="5:14" x14ac:dyDescent="0.2">
      <c r="E21" s="7"/>
      <c r="H21" s="2"/>
      <c r="I21" s="2"/>
      <c r="J21" s="2"/>
    </row>
    <row r="22" spans="5:14" x14ac:dyDescent="0.2">
      <c r="E22" s="7"/>
      <c r="H22" s="2"/>
      <c r="I22" s="2"/>
      <c r="J22" s="2"/>
      <c r="K22" s="18"/>
    </row>
    <row r="23" spans="5:14" x14ac:dyDescent="0.2">
      <c r="E23" s="7"/>
      <c r="H23" s="2"/>
      <c r="I23" s="2"/>
      <c r="J23" s="2"/>
    </row>
    <row r="24" spans="5:14" x14ac:dyDescent="0.2">
      <c r="E24" s="7"/>
    </row>
    <row r="25" spans="5:14" x14ac:dyDescent="0.2">
      <c r="F25" s="5"/>
    </row>
  </sheetData>
  <mergeCells count="17">
    <mergeCell ref="K20:L20"/>
    <mergeCell ref="K12:L12"/>
    <mergeCell ref="K13:L13"/>
    <mergeCell ref="K14:L14"/>
    <mergeCell ref="K16:L16"/>
    <mergeCell ref="K17:L17"/>
    <mergeCell ref="K18:L18"/>
    <mergeCell ref="K3:L3"/>
    <mergeCell ref="M3:O3"/>
    <mergeCell ref="A1:O1"/>
    <mergeCell ref="A2:O2"/>
    <mergeCell ref="K19:L19"/>
    <mergeCell ref="A3:A4"/>
    <mergeCell ref="B3:B4"/>
    <mergeCell ref="C3:D3"/>
    <mergeCell ref="E3:G3"/>
    <mergeCell ref="H3:I3"/>
  </mergeCells>
  <pageMargins left="0.25" right="0.25" top="0.75" bottom="0.75" header="0.3" footer="0.3"/>
  <pageSetup scale="65" firstPageNumber="7" orientation="landscape" useFirstPageNumber="1" r:id="rId1"/>
  <headerFooter alignWithMargins="0">
    <oddHeader>&amp;C&amp;"Arial,Bold"&amp;12 Oklahoma Workers' Compensation Commission (OK WCC)
Periodic Report Event Table</oddHeader>
    <oddFooter>&amp;L&amp;F&amp;C&amp;P&amp;R&amp;A</oddFooter>
  </headerFooter>
  <ignoredErrors>
    <ignoredError sqref="A5:G5" numberStoredAsText="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7</vt:i4>
      </vt:variant>
    </vt:vector>
  </HeadingPairs>
  <TitlesOfParts>
    <vt:vector size="13" baseType="lpstr">
      <vt:lpstr>Instructions-IAIABC</vt:lpstr>
      <vt:lpstr>OKWCC Event Table Change Log</vt:lpstr>
      <vt:lpstr>Form to MTC Crosswalk</vt:lpstr>
      <vt:lpstr>FROI</vt:lpstr>
      <vt:lpstr>SROI</vt:lpstr>
      <vt:lpstr>SROI Periodic</vt:lpstr>
      <vt:lpstr>'Form to MTC Crosswalk'!Print_Area</vt:lpstr>
      <vt:lpstr>FROI!Print_Area</vt:lpstr>
      <vt:lpstr>'SROI Periodic'!Print_Area</vt:lpstr>
      <vt:lpstr>'Form to MTC Crosswalk'!Print_Titles</vt:lpstr>
      <vt:lpstr>FROI!Print_Titles</vt:lpstr>
      <vt:lpstr>'OKWCC Event Table Change Log'!Print_Titles</vt:lpstr>
      <vt:lpstr>SROI!Print_Titles</vt:lpstr>
    </vt:vector>
  </TitlesOfParts>
  <Company>Sedgwick C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on, Linda</dc:creator>
  <cp:lastModifiedBy>Yon, Linda</cp:lastModifiedBy>
  <cp:lastPrinted>2018-10-09T17:06:51Z</cp:lastPrinted>
  <dcterms:created xsi:type="dcterms:W3CDTF">2003-09-22T17:32:50Z</dcterms:created>
  <dcterms:modified xsi:type="dcterms:W3CDTF">2018-11-30T12:37: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55642052</vt:i4>
  </property>
  <property fmtid="{D5CDD505-2E9C-101B-9397-08002B2CF9AE}" pid="3" name="_NewReviewCycle">
    <vt:lpwstr/>
  </property>
  <property fmtid="{D5CDD505-2E9C-101B-9397-08002B2CF9AE}" pid="4" name="_EmailSubject">
    <vt:lpwstr>OK Event Table new version for today's meeting RE: OK Meeting 7/5/2016</vt:lpwstr>
  </property>
  <property fmtid="{D5CDD505-2E9C-101B-9397-08002B2CF9AE}" pid="5" name="_AuthorEmail">
    <vt:lpwstr>Robbie.Tanner@verisk.com</vt:lpwstr>
  </property>
  <property fmtid="{D5CDD505-2E9C-101B-9397-08002B2CF9AE}" pid="6" name="_AuthorEmailDisplayName">
    <vt:lpwstr>Tanner, Robbie</vt:lpwstr>
  </property>
  <property fmtid="{D5CDD505-2E9C-101B-9397-08002B2CF9AE}" pid="7" name="_ReviewingToolsShownOnce">
    <vt:lpwstr/>
  </property>
</Properties>
</file>